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theme/themeOverride1.xml" ContentType="application/vnd.openxmlformats-officedocument.themeOverride+xml"/>
  <Override PartName="/ppt/notesSlides/notesSlide2.xml" ContentType="application/vnd.openxmlformats-officedocument.presentationml.notesSlide+xml"/>
  <Override PartName="/ppt/theme/themeOverride2.xml" ContentType="application/vnd.openxmlformats-officedocument.themeOverr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6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theme/themeOverride3.xml" ContentType="application/vnd.openxmlformats-officedocument.themeOverr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theme/themeOverride4.xml" ContentType="application/vnd.openxmlformats-officedocument.themeOverride+xml"/>
  <Override PartName="/ppt/notesSlides/notesSlide10.xml" ContentType="application/vnd.openxmlformats-officedocument.presentationml.notesSlide+xml"/>
  <Override PartName="/ppt/theme/themeOverride5.xml" ContentType="application/vnd.openxmlformats-officedocument.themeOverr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48"/>
  </p:sldMasterIdLst>
  <p:notesMasterIdLst>
    <p:notesMasterId r:id="rId61"/>
  </p:notesMasterIdLst>
  <p:handoutMasterIdLst>
    <p:handoutMasterId r:id="rId62"/>
  </p:handoutMasterIdLst>
  <p:sldIdLst>
    <p:sldId id="288" r:id="rId49"/>
    <p:sldId id="272" r:id="rId50"/>
    <p:sldId id="273" r:id="rId51"/>
    <p:sldId id="287" r:id="rId52"/>
    <p:sldId id="285" r:id="rId53"/>
    <p:sldId id="283" r:id="rId54"/>
    <p:sldId id="270" r:id="rId55"/>
    <p:sldId id="294" r:id="rId56"/>
    <p:sldId id="295" r:id="rId57"/>
    <p:sldId id="264" r:id="rId58"/>
    <p:sldId id="257" r:id="rId59"/>
    <p:sldId id="284" r:id="rId60"/>
  </p:sldIdLst>
  <p:sldSz cx="12192000" cy="6858000"/>
  <p:notesSz cx="6797675" cy="9926638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73208" autoAdjust="0"/>
  </p:normalViewPr>
  <p:slideViewPr>
    <p:cSldViewPr snapToGrid="0">
      <p:cViewPr varScale="1">
        <p:scale>
          <a:sx n="81" d="100"/>
          <a:sy n="81" d="100"/>
        </p:scale>
        <p:origin x="1098" y="7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slide" Target="slides/slide2.xml"/><Relationship Id="rId55" Type="http://schemas.openxmlformats.org/officeDocument/2006/relationships/slide" Target="slides/slide7.xml"/><Relationship Id="rId63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customXml" Target="../customXml/item41.xml"/><Relationship Id="rId54" Type="http://schemas.openxmlformats.org/officeDocument/2006/relationships/slide" Target="slides/slide6.xml"/><Relationship Id="rId62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slide" Target="slides/slide5.xml"/><Relationship Id="rId58" Type="http://schemas.openxmlformats.org/officeDocument/2006/relationships/slide" Target="slides/slide10.xml"/><Relationship Id="rId66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.xml"/><Relationship Id="rId57" Type="http://schemas.openxmlformats.org/officeDocument/2006/relationships/slide" Target="slides/slide9.xml"/><Relationship Id="rId61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" Target="slides/slide4.xml"/><Relationship Id="rId60" Type="http://schemas.openxmlformats.org/officeDocument/2006/relationships/slide" Target="slides/slide12.xml"/><Relationship Id="rId65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slideMaster" Target="slideMasters/slideMaster1.xml"/><Relationship Id="rId56" Type="http://schemas.openxmlformats.org/officeDocument/2006/relationships/slide" Target="slides/slide8.xml"/><Relationship Id="rId64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3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1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0_1">
  <dgm:title val=""/>
  <dgm:desc val=""/>
  <dgm:catLst>
    <dgm:cat type="mainScheme" pri="10100"/>
  </dgm:catLst>
  <dgm:styleLbl name="node0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dk1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dk1"/>
    </dgm:fillClrLst>
    <dgm:linClrLst meth="repeat">
      <a:schemeClr val="dk1"/>
    </dgm:linClrLst>
    <dgm:effectClrLst/>
    <dgm:txLinClrLst/>
    <dgm:txFillClrLst/>
    <dgm:txEffectClrLst/>
  </dgm:styleLbl>
  <dgm:styleLbl name="parChTrans2D3">
    <dgm:fillClrLst meth="repeat">
      <a:schemeClr val="dk1"/>
    </dgm:fillClrLst>
    <dgm:linClrLst meth="repeat">
      <a:schemeClr val="dk1"/>
    </dgm:linClrLst>
    <dgm:effectClrLst/>
    <dgm:txLinClrLst/>
    <dgm:txFillClrLst/>
    <dgm:txEffectClrLst/>
  </dgm:styleLbl>
  <dgm:styleLbl name="parChTrans2D4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dk1"/>
    </dgm:fillClrLst>
    <dgm:linClrLst meth="repeat">
      <a:schemeClr val="dk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1"/>
    </dgm:fillClrLst>
    <dgm:linClrLst meth="repeat">
      <a:schemeClr val="dk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1"/>
    </dgm:fillClrLst>
    <dgm:linClrLst meth="repeat">
      <a:schemeClr val="dk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1"/>
    </dgm:fillClrLst>
    <dgm:linClrLst meth="repeat">
      <a:schemeClr val="dk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dk1">
        <a:alpha val="4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1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1">
        <a:shade val="8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1">
        <a:tint val="50000"/>
        <a:alpha val="4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C84C24C7-EAA5-49E9-AECF-2CEA5E7E4063}" type="doc">
      <dgm:prSet loTypeId="urn:microsoft.com/office/officeart/2005/8/layout/chevron2" loCatId="process" qsTypeId="urn:microsoft.com/office/officeart/2005/8/quickstyle/simple1" qsCatId="simple" csTypeId="urn:microsoft.com/office/officeart/2005/8/colors/accent0_1" csCatId="mainScheme" phldr="1"/>
      <dgm:spPr/>
      <dgm:t>
        <a:bodyPr/>
        <a:lstStyle/>
        <a:p>
          <a:endParaRPr lang="en-GB"/>
        </a:p>
      </dgm:t>
    </dgm:pt>
    <dgm:pt modelId="{D2463AA1-8D39-4F4D-AFDD-FE58D3C30FA2}">
      <dgm:prSet phldrT="[Tekst]"/>
      <dgm:spPr/>
      <dgm:t>
        <a:bodyPr/>
        <a:lstStyle/>
        <a:p>
          <a:r>
            <a:rPr lang="en-GB"/>
            <a:t>Pitch</a:t>
          </a:r>
        </a:p>
        <a:p>
          <a:r>
            <a:rPr lang="en-GB"/>
            <a:t>1 min</a:t>
          </a:r>
        </a:p>
      </dgm:t>
    </dgm:pt>
    <dgm:pt modelId="{97E79CAA-B285-41AB-A5A9-C6EA3666C678}" type="parTrans" cxnId="{85E62AF4-49E2-4B60-AC37-1BBD4EE6ECB4}">
      <dgm:prSet/>
      <dgm:spPr/>
      <dgm:t>
        <a:bodyPr/>
        <a:lstStyle/>
        <a:p>
          <a:endParaRPr lang="en-GB"/>
        </a:p>
      </dgm:t>
    </dgm:pt>
    <dgm:pt modelId="{42BF40BD-80BC-4E9F-ACC9-4313B686DA0F}" type="sibTrans" cxnId="{85E62AF4-49E2-4B60-AC37-1BBD4EE6ECB4}">
      <dgm:prSet/>
      <dgm:spPr/>
      <dgm:t>
        <a:bodyPr/>
        <a:lstStyle/>
        <a:p>
          <a:endParaRPr lang="en-GB"/>
        </a:p>
      </dgm:t>
    </dgm:pt>
    <dgm:pt modelId="{7A00FDE0-5240-4850-9D9B-1F17E541409A}">
      <dgm:prSet phldrT="[Tekst]"/>
      <dgm:spPr/>
      <dgm:t>
        <a:bodyPr/>
        <a:lstStyle/>
        <a:p>
          <a:endParaRPr lang="da-DK" noProof="0" dirty="0"/>
        </a:p>
      </dgm:t>
    </dgm:pt>
    <dgm:pt modelId="{5EBE6470-D8C4-4D7D-B48E-04951C3AEBA6}" type="parTrans" cxnId="{1627E8A6-46BB-4569-A8A1-BE487F5A6F7D}">
      <dgm:prSet/>
      <dgm:spPr/>
      <dgm:t>
        <a:bodyPr/>
        <a:lstStyle/>
        <a:p>
          <a:endParaRPr lang="en-GB"/>
        </a:p>
      </dgm:t>
    </dgm:pt>
    <dgm:pt modelId="{F96F3E83-9263-42C3-8FBD-9588C2F7233D}" type="sibTrans" cxnId="{1627E8A6-46BB-4569-A8A1-BE487F5A6F7D}">
      <dgm:prSet/>
      <dgm:spPr/>
      <dgm:t>
        <a:bodyPr/>
        <a:lstStyle/>
        <a:p>
          <a:endParaRPr lang="en-GB"/>
        </a:p>
      </dgm:t>
    </dgm:pt>
    <dgm:pt modelId="{F5DB8952-AE48-4529-8780-1B340D99E7D1}">
      <dgm:prSet phldrT="[Tekst]"/>
      <dgm:spPr/>
      <dgm:t>
        <a:bodyPr/>
        <a:lstStyle/>
        <a:p>
          <a:r>
            <a:rPr lang="da-DK" noProof="0"/>
            <a:t>Fordeling</a:t>
          </a:r>
        </a:p>
        <a:p>
          <a:pPr rtl="0"/>
          <a:r>
            <a:rPr lang="da-DK" noProof="0">
              <a:latin typeface="Arial"/>
              <a:cs typeface="Arial"/>
            </a:rPr>
            <a:t>3 min</a:t>
          </a:r>
          <a:endParaRPr lang="da-DK" noProof="0"/>
        </a:p>
      </dgm:t>
    </dgm:pt>
    <dgm:pt modelId="{F5459221-5180-48AF-9B54-6C3E0BC934F6}" type="parTrans" cxnId="{187721C2-2DA1-431F-B2E5-C03CB330787F}">
      <dgm:prSet/>
      <dgm:spPr/>
      <dgm:t>
        <a:bodyPr/>
        <a:lstStyle/>
        <a:p>
          <a:endParaRPr lang="en-GB"/>
        </a:p>
      </dgm:t>
    </dgm:pt>
    <dgm:pt modelId="{CF0F215D-E370-469C-A327-ED34D4D64266}" type="sibTrans" cxnId="{187721C2-2DA1-431F-B2E5-C03CB330787F}">
      <dgm:prSet/>
      <dgm:spPr/>
      <dgm:t>
        <a:bodyPr/>
        <a:lstStyle/>
        <a:p>
          <a:endParaRPr lang="en-GB"/>
        </a:p>
      </dgm:t>
    </dgm:pt>
    <dgm:pt modelId="{6F83C339-17AC-4A39-A6D4-A6755490C5CD}">
      <dgm:prSet phldrT="[Tekst]"/>
      <dgm:spPr/>
      <dgm:t>
        <a:bodyPr/>
        <a:lstStyle/>
        <a:p>
          <a:r>
            <a:rPr lang="da-DK" noProof="0" dirty="0"/>
            <a:t>De øvrige deltager vælger et team at gå hen til for at give sparring i runde 1</a:t>
          </a:r>
        </a:p>
      </dgm:t>
    </dgm:pt>
    <dgm:pt modelId="{EF1FA0DA-B737-4A68-874F-74F5B930A6BF}" type="parTrans" cxnId="{7259A1F7-88EB-4703-90C7-370F367CF610}">
      <dgm:prSet/>
      <dgm:spPr/>
      <dgm:t>
        <a:bodyPr/>
        <a:lstStyle/>
        <a:p>
          <a:endParaRPr lang="en-GB"/>
        </a:p>
      </dgm:t>
    </dgm:pt>
    <dgm:pt modelId="{50E4F0D3-C014-4937-A9FA-3EDB9CE30383}" type="sibTrans" cxnId="{7259A1F7-88EB-4703-90C7-370F367CF610}">
      <dgm:prSet/>
      <dgm:spPr/>
      <dgm:t>
        <a:bodyPr/>
        <a:lstStyle/>
        <a:p>
          <a:endParaRPr lang="en-GB"/>
        </a:p>
      </dgm:t>
    </dgm:pt>
    <dgm:pt modelId="{9F583430-1DD2-4503-B5BE-6D8AE6688316}">
      <dgm:prSet phldrT="[Tekst]"/>
      <dgm:spPr/>
      <dgm:t>
        <a:bodyPr/>
        <a:lstStyle/>
        <a:p>
          <a:r>
            <a:rPr lang="en-GB"/>
            <a:t>Sparring</a:t>
          </a:r>
        </a:p>
        <a:p>
          <a:r>
            <a:rPr lang="en-GB"/>
            <a:t>20 min</a:t>
          </a:r>
        </a:p>
      </dgm:t>
    </dgm:pt>
    <dgm:pt modelId="{548F827E-EA49-42EA-AD85-7D6F7CB33286}" type="parTrans" cxnId="{919EF28C-0571-418A-8191-5ACAC1C6CE84}">
      <dgm:prSet/>
      <dgm:spPr/>
      <dgm:t>
        <a:bodyPr/>
        <a:lstStyle/>
        <a:p>
          <a:endParaRPr lang="en-GB"/>
        </a:p>
      </dgm:t>
    </dgm:pt>
    <dgm:pt modelId="{9C0811F2-51C7-4C92-BD82-3197DBD67790}" type="sibTrans" cxnId="{919EF28C-0571-418A-8191-5ACAC1C6CE84}">
      <dgm:prSet/>
      <dgm:spPr/>
      <dgm:t>
        <a:bodyPr/>
        <a:lstStyle/>
        <a:p>
          <a:endParaRPr lang="en-GB"/>
        </a:p>
      </dgm:t>
    </dgm:pt>
    <dgm:pt modelId="{71D246AC-3B91-4ADA-AA73-170A48514165}">
      <dgm:prSet phldrT="[Tekst]"/>
      <dgm:spPr/>
      <dgm:t>
        <a:bodyPr/>
        <a:lstStyle/>
        <a:p>
          <a:r>
            <a:rPr lang="da-DK" noProof="0"/>
            <a:t>De nu 5 ”hold” stiller sig i en rundkreds. Facilitator tager ordet</a:t>
          </a:r>
        </a:p>
      </dgm:t>
    </dgm:pt>
    <dgm:pt modelId="{E82029D0-4FEF-4CE8-91ED-3A382980611D}" type="parTrans" cxnId="{8DDB905F-7432-444A-A1BB-9B49AB04C4A3}">
      <dgm:prSet/>
      <dgm:spPr/>
      <dgm:t>
        <a:bodyPr/>
        <a:lstStyle/>
        <a:p>
          <a:endParaRPr lang="en-GB"/>
        </a:p>
      </dgm:t>
    </dgm:pt>
    <dgm:pt modelId="{BE33ACA4-C6A9-4999-9CE3-C91ECF733AF9}" type="sibTrans" cxnId="{8DDB905F-7432-444A-A1BB-9B49AB04C4A3}">
      <dgm:prSet/>
      <dgm:spPr/>
      <dgm:t>
        <a:bodyPr/>
        <a:lstStyle/>
        <a:p>
          <a:endParaRPr lang="en-GB"/>
        </a:p>
      </dgm:t>
    </dgm:pt>
    <dgm:pt modelId="{E9A3DD2B-C114-44AD-A821-6C4D4FA8BF36}">
      <dgm:prSet phldrT="[Tekst]"/>
      <dgm:spPr/>
      <dgm:t>
        <a:bodyPr/>
        <a:lstStyle/>
        <a:p>
          <a:r>
            <a:rPr lang="da-DK" noProof="0" dirty="0"/>
            <a:t>Teamet uddyber kort deres problem. Sparringspartnere får ordet – </a:t>
          </a:r>
          <a:r>
            <a:rPr lang="da-DK" noProof="0" dirty="0">
              <a:solidFill>
                <a:srgbClr val="CA4F1C"/>
              </a:solidFill>
            </a:rPr>
            <a:t>teamet lytter (!)</a:t>
          </a:r>
          <a:endParaRPr lang="da-DK" noProof="0" dirty="0"/>
        </a:p>
      </dgm:t>
    </dgm:pt>
    <dgm:pt modelId="{EB64A74B-2D93-4CDA-B597-432ED2717D17}" type="parTrans" cxnId="{65935DEB-666D-4EE1-A8EA-676F932A28B2}">
      <dgm:prSet/>
      <dgm:spPr/>
      <dgm:t>
        <a:bodyPr/>
        <a:lstStyle/>
        <a:p>
          <a:endParaRPr lang="en-GB"/>
        </a:p>
      </dgm:t>
    </dgm:pt>
    <dgm:pt modelId="{D98AA698-BC88-46F0-9090-01E22AEFD48C}" type="sibTrans" cxnId="{65935DEB-666D-4EE1-A8EA-676F932A28B2}">
      <dgm:prSet/>
      <dgm:spPr/>
      <dgm:t>
        <a:bodyPr/>
        <a:lstStyle/>
        <a:p>
          <a:endParaRPr lang="en-GB"/>
        </a:p>
      </dgm:t>
    </dgm:pt>
    <dgm:pt modelId="{43865B9E-5A2A-48B3-A0BF-A2982D6E50E1}">
      <dgm:prSet phldrT="[Tekst]"/>
      <dgm:spPr/>
      <dgm:t>
        <a:bodyPr/>
        <a:lstStyle/>
        <a:p>
          <a:r>
            <a:rPr lang="da-DK" dirty="0"/>
            <a:t> Vælg at gå til et sparringsemne, hvortil du har nogle gode erfaringer at dele – alternativ et team, som har samme udfordring som dig selv. </a:t>
          </a:r>
          <a:r>
            <a:rPr lang="da-DK" noProof="0" dirty="0"/>
            <a:t>Udgangspunktet er </a:t>
          </a:r>
          <a:r>
            <a:rPr lang="da-DK" noProof="0" dirty="0">
              <a:solidFill>
                <a:srgbClr val="CA4F1C"/>
              </a:solidFill>
            </a:rPr>
            <a:t>nysgerrighed.</a:t>
          </a:r>
        </a:p>
      </dgm:t>
    </dgm:pt>
    <dgm:pt modelId="{319C368D-AB12-4DFE-A948-0C00D8675111}" type="parTrans" cxnId="{DB7E6CAD-FECE-400B-BD78-762FD9B17A15}">
      <dgm:prSet/>
      <dgm:spPr/>
      <dgm:t>
        <a:bodyPr/>
        <a:lstStyle/>
        <a:p>
          <a:endParaRPr lang="en-GB"/>
        </a:p>
      </dgm:t>
    </dgm:pt>
    <dgm:pt modelId="{11005502-6D51-4921-84EA-E3B458692384}" type="sibTrans" cxnId="{DB7E6CAD-FECE-400B-BD78-762FD9B17A15}">
      <dgm:prSet/>
      <dgm:spPr/>
      <dgm:t>
        <a:bodyPr/>
        <a:lstStyle/>
        <a:p>
          <a:endParaRPr lang="en-GB"/>
        </a:p>
      </dgm:t>
    </dgm:pt>
    <dgm:pt modelId="{E10BB510-FDBF-43A8-AD5F-5C11F94B9758}">
      <dgm:prSet phldrT="[Tekst]"/>
      <dgm:spPr/>
      <dgm:t>
        <a:bodyPr/>
        <a:lstStyle/>
        <a:p>
          <a:r>
            <a:rPr lang="da-DK" noProof="0" dirty="0"/>
            <a:t>De 5 teams står ved deres storyboard – </a:t>
          </a:r>
          <a:r>
            <a:rPr lang="da-DK" noProof="0" dirty="0">
              <a:solidFill>
                <a:srgbClr val="E37222"/>
              </a:solidFill>
            </a:rPr>
            <a:t>en træder frem </a:t>
          </a:r>
          <a:r>
            <a:rPr lang="da-DK" noProof="0" dirty="0"/>
            <a:t>og får mikrofon</a:t>
          </a:r>
        </a:p>
      </dgm:t>
    </dgm:pt>
    <dgm:pt modelId="{65269266-2EFF-4B59-8270-BBEBD9385056}" type="parTrans" cxnId="{2BF62C13-FEBD-481A-8CC9-018DEA5FF449}">
      <dgm:prSet/>
      <dgm:spPr/>
      <dgm:t>
        <a:bodyPr/>
        <a:lstStyle/>
        <a:p>
          <a:endParaRPr lang="en-GB"/>
        </a:p>
      </dgm:t>
    </dgm:pt>
    <dgm:pt modelId="{05CFBC97-97DE-4462-B863-616C8ED5F6FB}" type="sibTrans" cxnId="{2BF62C13-FEBD-481A-8CC9-018DEA5FF449}">
      <dgm:prSet/>
      <dgm:spPr/>
      <dgm:t>
        <a:bodyPr/>
        <a:lstStyle/>
        <a:p>
          <a:endParaRPr lang="en-GB"/>
        </a:p>
      </dgm:t>
    </dgm:pt>
    <dgm:pt modelId="{9292D665-CC86-4E49-A63A-45FAA690634F}">
      <dgm:prSet phldrT="[Tekst]"/>
      <dgm:spPr/>
      <dgm:t>
        <a:bodyPr/>
        <a:lstStyle/>
        <a:p>
          <a:r>
            <a:rPr lang="da-DK" noProof="0" dirty="0"/>
            <a:t>Der skrives ideer/kommentarer på post </a:t>
          </a:r>
          <a:r>
            <a:rPr lang="da-DK" noProof="0" dirty="0" err="1"/>
            <a:t>it’s</a:t>
          </a:r>
          <a:endParaRPr lang="da-DK" noProof="0" dirty="0"/>
        </a:p>
      </dgm:t>
    </dgm:pt>
    <dgm:pt modelId="{10E0FBB1-36BD-4D6C-8622-61148BC0B78B}" type="parTrans" cxnId="{CAEFDA92-0368-491B-AD7A-73306081B2AD}">
      <dgm:prSet/>
      <dgm:spPr/>
      <dgm:t>
        <a:bodyPr/>
        <a:lstStyle/>
        <a:p>
          <a:endParaRPr lang="en-GB"/>
        </a:p>
      </dgm:t>
    </dgm:pt>
    <dgm:pt modelId="{39929B5F-9D35-4C5F-AC9A-1A521D31900F}" type="sibTrans" cxnId="{CAEFDA92-0368-491B-AD7A-73306081B2AD}">
      <dgm:prSet/>
      <dgm:spPr/>
      <dgm:t>
        <a:bodyPr/>
        <a:lstStyle/>
        <a:p>
          <a:endParaRPr lang="en-GB"/>
        </a:p>
      </dgm:t>
    </dgm:pt>
    <dgm:pt modelId="{57A60E2C-F5F8-4E24-8D13-63413EE13981}">
      <dgm:prSet phldrT="[Tekst]"/>
      <dgm:spPr/>
      <dgm:t>
        <a:bodyPr/>
        <a:lstStyle/>
        <a:p>
          <a:r>
            <a:rPr lang="da-DK" noProof="0" dirty="0"/>
            <a:t>5 teams pitcher deres sparringsemner</a:t>
          </a:r>
        </a:p>
      </dgm:t>
    </dgm:pt>
    <dgm:pt modelId="{436FD418-B4B2-418C-BF21-B6A3968BFA69}" type="parTrans" cxnId="{5B0334DD-0F47-43FC-BE59-D3C86A36B5E8}">
      <dgm:prSet/>
      <dgm:spPr/>
      <dgm:t>
        <a:bodyPr/>
        <a:lstStyle/>
        <a:p>
          <a:endParaRPr lang="da-DK"/>
        </a:p>
      </dgm:t>
    </dgm:pt>
    <dgm:pt modelId="{E5524DDB-1ECF-499A-AFC3-CA5E4082BA99}" type="sibTrans" cxnId="{5B0334DD-0F47-43FC-BE59-D3C86A36B5E8}">
      <dgm:prSet/>
      <dgm:spPr/>
      <dgm:t>
        <a:bodyPr/>
        <a:lstStyle/>
        <a:p>
          <a:endParaRPr lang="da-DK"/>
        </a:p>
      </dgm:t>
    </dgm:pt>
    <dgm:pt modelId="{DC7C1B75-EA76-4CD6-B085-55E7A018941E}" type="pres">
      <dgm:prSet presAssocID="{C84C24C7-EAA5-49E9-AECF-2CEA5E7E4063}" presName="linearFlow" presStyleCnt="0">
        <dgm:presLayoutVars>
          <dgm:dir/>
          <dgm:animLvl val="lvl"/>
          <dgm:resizeHandles val="exact"/>
        </dgm:presLayoutVars>
      </dgm:prSet>
      <dgm:spPr/>
    </dgm:pt>
    <dgm:pt modelId="{9FECDBC0-4F98-4A5B-8807-FD271BA13563}" type="pres">
      <dgm:prSet presAssocID="{D2463AA1-8D39-4F4D-AFDD-FE58D3C30FA2}" presName="composite" presStyleCnt="0"/>
      <dgm:spPr/>
    </dgm:pt>
    <dgm:pt modelId="{851C1962-EAF6-4749-8DB0-1F2285530595}" type="pres">
      <dgm:prSet presAssocID="{D2463AA1-8D39-4F4D-AFDD-FE58D3C30FA2}" presName="parentText" presStyleLbl="alignNode1" presStyleIdx="0" presStyleCnt="3">
        <dgm:presLayoutVars>
          <dgm:chMax val="1"/>
          <dgm:bulletEnabled val="1"/>
        </dgm:presLayoutVars>
      </dgm:prSet>
      <dgm:spPr/>
    </dgm:pt>
    <dgm:pt modelId="{ABCBBAAD-0110-4EFE-935B-C33519E57793}" type="pres">
      <dgm:prSet presAssocID="{D2463AA1-8D39-4F4D-AFDD-FE58D3C30FA2}" presName="descendantText" presStyleLbl="alignAcc1" presStyleIdx="0" presStyleCnt="3">
        <dgm:presLayoutVars>
          <dgm:bulletEnabled val="1"/>
        </dgm:presLayoutVars>
      </dgm:prSet>
      <dgm:spPr/>
    </dgm:pt>
    <dgm:pt modelId="{51CAD704-173E-4177-A800-3BBF1B3E4B55}" type="pres">
      <dgm:prSet presAssocID="{42BF40BD-80BC-4E9F-ACC9-4313B686DA0F}" presName="sp" presStyleCnt="0"/>
      <dgm:spPr/>
    </dgm:pt>
    <dgm:pt modelId="{3820B8B8-F466-4FED-AA43-305FDD7C92B8}" type="pres">
      <dgm:prSet presAssocID="{F5DB8952-AE48-4529-8780-1B340D99E7D1}" presName="composite" presStyleCnt="0"/>
      <dgm:spPr/>
    </dgm:pt>
    <dgm:pt modelId="{BFED5592-4FDF-481D-8FE1-1C94A64DC9E9}" type="pres">
      <dgm:prSet presAssocID="{F5DB8952-AE48-4529-8780-1B340D99E7D1}" presName="parentText" presStyleLbl="alignNode1" presStyleIdx="1" presStyleCnt="3">
        <dgm:presLayoutVars>
          <dgm:chMax val="1"/>
          <dgm:bulletEnabled val="1"/>
        </dgm:presLayoutVars>
      </dgm:prSet>
      <dgm:spPr/>
    </dgm:pt>
    <dgm:pt modelId="{5B62EEFF-ED40-4033-BAEA-91E31EA9FB80}" type="pres">
      <dgm:prSet presAssocID="{F5DB8952-AE48-4529-8780-1B340D99E7D1}" presName="descendantText" presStyleLbl="alignAcc1" presStyleIdx="1" presStyleCnt="3">
        <dgm:presLayoutVars>
          <dgm:bulletEnabled val="1"/>
        </dgm:presLayoutVars>
      </dgm:prSet>
      <dgm:spPr/>
    </dgm:pt>
    <dgm:pt modelId="{C2C7E74C-6FB9-48AA-8C7D-D679A9C1CFDB}" type="pres">
      <dgm:prSet presAssocID="{CF0F215D-E370-469C-A327-ED34D4D64266}" presName="sp" presStyleCnt="0"/>
      <dgm:spPr/>
    </dgm:pt>
    <dgm:pt modelId="{AF941027-1713-4522-91D8-E90F37715888}" type="pres">
      <dgm:prSet presAssocID="{9F583430-1DD2-4503-B5BE-6D8AE6688316}" presName="composite" presStyleCnt="0"/>
      <dgm:spPr/>
    </dgm:pt>
    <dgm:pt modelId="{CB5CE5CD-6D24-4BBF-8533-79C0D5F15775}" type="pres">
      <dgm:prSet presAssocID="{9F583430-1DD2-4503-B5BE-6D8AE6688316}" presName="parentText" presStyleLbl="alignNode1" presStyleIdx="2" presStyleCnt="3">
        <dgm:presLayoutVars>
          <dgm:chMax val="1"/>
          <dgm:bulletEnabled val="1"/>
        </dgm:presLayoutVars>
      </dgm:prSet>
      <dgm:spPr/>
    </dgm:pt>
    <dgm:pt modelId="{EE0CB9E2-DD91-4F6E-A937-8BA811E03C65}" type="pres">
      <dgm:prSet presAssocID="{9F583430-1DD2-4503-B5BE-6D8AE6688316}" presName="descendantText" presStyleLbl="alignAcc1" presStyleIdx="2" presStyleCnt="3">
        <dgm:presLayoutVars>
          <dgm:bulletEnabled val="1"/>
        </dgm:presLayoutVars>
      </dgm:prSet>
      <dgm:spPr/>
    </dgm:pt>
  </dgm:ptLst>
  <dgm:cxnLst>
    <dgm:cxn modelId="{2BF62C13-FEBD-481A-8CC9-018DEA5FF449}" srcId="{D2463AA1-8D39-4F4D-AFDD-FE58D3C30FA2}" destId="{E10BB510-FDBF-43A8-AD5F-5C11F94B9758}" srcOrd="1" destOrd="0" parTransId="{65269266-2EFF-4B59-8270-BBEBD9385056}" sibTransId="{05CFBC97-97DE-4462-B863-616C8ED5F6FB}"/>
    <dgm:cxn modelId="{935BA714-5691-4896-8BA4-35760435AC06}" type="presOf" srcId="{9F583430-1DD2-4503-B5BE-6D8AE6688316}" destId="{CB5CE5CD-6D24-4BBF-8533-79C0D5F15775}" srcOrd="0" destOrd="0" presId="urn:microsoft.com/office/officeart/2005/8/layout/chevron2"/>
    <dgm:cxn modelId="{E273385D-32A1-4AA2-B691-08174F7A6827}" type="presOf" srcId="{71D246AC-3B91-4ADA-AA73-170A48514165}" destId="{EE0CB9E2-DD91-4F6E-A937-8BA811E03C65}" srcOrd="0" destOrd="0" presId="urn:microsoft.com/office/officeart/2005/8/layout/chevron2"/>
    <dgm:cxn modelId="{8DDB905F-7432-444A-A1BB-9B49AB04C4A3}" srcId="{9F583430-1DD2-4503-B5BE-6D8AE6688316}" destId="{71D246AC-3B91-4ADA-AA73-170A48514165}" srcOrd="0" destOrd="0" parTransId="{E82029D0-4FEF-4CE8-91ED-3A382980611D}" sibTransId="{BE33ACA4-C6A9-4999-9CE3-C91ECF733AF9}"/>
    <dgm:cxn modelId="{0FF5FF46-DF0B-4ED5-B897-73EF9ECCDF46}" type="presOf" srcId="{E9A3DD2B-C114-44AD-A821-6C4D4FA8BF36}" destId="{EE0CB9E2-DD91-4F6E-A937-8BA811E03C65}" srcOrd="0" destOrd="1" presId="urn:microsoft.com/office/officeart/2005/8/layout/chevron2"/>
    <dgm:cxn modelId="{A824B94F-80DB-4304-86D1-65D96E24FC11}" type="presOf" srcId="{9292D665-CC86-4E49-A63A-45FAA690634F}" destId="{EE0CB9E2-DD91-4F6E-A937-8BA811E03C65}" srcOrd="0" destOrd="2" presId="urn:microsoft.com/office/officeart/2005/8/layout/chevron2"/>
    <dgm:cxn modelId="{57104A74-6E21-455D-865B-AEE7B86BA29B}" type="presOf" srcId="{C84C24C7-EAA5-49E9-AECF-2CEA5E7E4063}" destId="{DC7C1B75-EA76-4CD6-B085-55E7A018941E}" srcOrd="0" destOrd="0" presId="urn:microsoft.com/office/officeart/2005/8/layout/chevron2"/>
    <dgm:cxn modelId="{F7AF4675-F433-475A-8818-59955E788DF6}" type="presOf" srcId="{43865B9E-5A2A-48B3-A0BF-A2982D6E50E1}" destId="{5B62EEFF-ED40-4033-BAEA-91E31EA9FB80}" srcOrd="0" destOrd="1" presId="urn:microsoft.com/office/officeart/2005/8/layout/chevron2"/>
    <dgm:cxn modelId="{E44A677D-4A3A-47FA-8542-F8AD8BBBA95D}" type="presOf" srcId="{F5DB8952-AE48-4529-8780-1B340D99E7D1}" destId="{BFED5592-4FDF-481D-8FE1-1C94A64DC9E9}" srcOrd="0" destOrd="0" presId="urn:microsoft.com/office/officeart/2005/8/layout/chevron2"/>
    <dgm:cxn modelId="{2542F181-A9BD-4FC4-B664-89E5012B8155}" type="presOf" srcId="{6F83C339-17AC-4A39-A6D4-A6755490C5CD}" destId="{5B62EEFF-ED40-4033-BAEA-91E31EA9FB80}" srcOrd="0" destOrd="0" presId="urn:microsoft.com/office/officeart/2005/8/layout/chevron2"/>
    <dgm:cxn modelId="{919EF28C-0571-418A-8191-5ACAC1C6CE84}" srcId="{C84C24C7-EAA5-49E9-AECF-2CEA5E7E4063}" destId="{9F583430-1DD2-4503-B5BE-6D8AE6688316}" srcOrd="2" destOrd="0" parTransId="{548F827E-EA49-42EA-AD85-7D6F7CB33286}" sibTransId="{9C0811F2-51C7-4C92-BD82-3197DBD67790}"/>
    <dgm:cxn modelId="{CAEFDA92-0368-491B-AD7A-73306081B2AD}" srcId="{9F583430-1DD2-4503-B5BE-6D8AE6688316}" destId="{9292D665-CC86-4E49-A63A-45FAA690634F}" srcOrd="2" destOrd="0" parTransId="{10E0FBB1-36BD-4D6C-8622-61148BC0B78B}" sibTransId="{39929B5F-9D35-4C5F-AC9A-1A521D31900F}"/>
    <dgm:cxn modelId="{0AC67096-C45D-44B0-A3C7-29CB0AE84DBD}" type="presOf" srcId="{E10BB510-FDBF-43A8-AD5F-5C11F94B9758}" destId="{ABCBBAAD-0110-4EFE-935B-C33519E57793}" srcOrd="0" destOrd="1" presId="urn:microsoft.com/office/officeart/2005/8/layout/chevron2"/>
    <dgm:cxn modelId="{8AFFC09D-3BB1-4E65-AE6E-489B85271DE7}" type="presOf" srcId="{57A60E2C-F5F8-4E24-8D13-63413EE13981}" destId="{ABCBBAAD-0110-4EFE-935B-C33519E57793}" srcOrd="0" destOrd="2" presId="urn:microsoft.com/office/officeart/2005/8/layout/chevron2"/>
    <dgm:cxn modelId="{1627E8A6-46BB-4569-A8A1-BE487F5A6F7D}" srcId="{D2463AA1-8D39-4F4D-AFDD-FE58D3C30FA2}" destId="{7A00FDE0-5240-4850-9D9B-1F17E541409A}" srcOrd="0" destOrd="0" parTransId="{5EBE6470-D8C4-4D7D-B48E-04951C3AEBA6}" sibTransId="{F96F3E83-9263-42C3-8FBD-9588C2F7233D}"/>
    <dgm:cxn modelId="{DB7E6CAD-FECE-400B-BD78-762FD9B17A15}" srcId="{F5DB8952-AE48-4529-8780-1B340D99E7D1}" destId="{43865B9E-5A2A-48B3-A0BF-A2982D6E50E1}" srcOrd="1" destOrd="0" parTransId="{319C368D-AB12-4DFE-A948-0C00D8675111}" sibTransId="{11005502-6D51-4921-84EA-E3B458692384}"/>
    <dgm:cxn modelId="{187721C2-2DA1-431F-B2E5-C03CB330787F}" srcId="{C84C24C7-EAA5-49E9-AECF-2CEA5E7E4063}" destId="{F5DB8952-AE48-4529-8780-1B340D99E7D1}" srcOrd="1" destOrd="0" parTransId="{F5459221-5180-48AF-9B54-6C3E0BC934F6}" sibTransId="{CF0F215D-E370-469C-A327-ED34D4D64266}"/>
    <dgm:cxn modelId="{5B0334DD-0F47-43FC-BE59-D3C86A36B5E8}" srcId="{D2463AA1-8D39-4F4D-AFDD-FE58D3C30FA2}" destId="{57A60E2C-F5F8-4E24-8D13-63413EE13981}" srcOrd="2" destOrd="0" parTransId="{436FD418-B4B2-418C-BF21-B6A3968BFA69}" sibTransId="{E5524DDB-1ECF-499A-AFC3-CA5E4082BA99}"/>
    <dgm:cxn modelId="{233A2FEA-A80E-4D24-BBB5-282E27D8F281}" type="presOf" srcId="{7A00FDE0-5240-4850-9D9B-1F17E541409A}" destId="{ABCBBAAD-0110-4EFE-935B-C33519E57793}" srcOrd="0" destOrd="0" presId="urn:microsoft.com/office/officeart/2005/8/layout/chevron2"/>
    <dgm:cxn modelId="{65935DEB-666D-4EE1-A8EA-676F932A28B2}" srcId="{9F583430-1DD2-4503-B5BE-6D8AE6688316}" destId="{E9A3DD2B-C114-44AD-A821-6C4D4FA8BF36}" srcOrd="1" destOrd="0" parTransId="{EB64A74B-2D93-4CDA-B597-432ED2717D17}" sibTransId="{D98AA698-BC88-46F0-9090-01E22AEFD48C}"/>
    <dgm:cxn modelId="{85E62AF4-49E2-4B60-AC37-1BBD4EE6ECB4}" srcId="{C84C24C7-EAA5-49E9-AECF-2CEA5E7E4063}" destId="{D2463AA1-8D39-4F4D-AFDD-FE58D3C30FA2}" srcOrd="0" destOrd="0" parTransId="{97E79CAA-B285-41AB-A5A9-C6EA3666C678}" sibTransId="{42BF40BD-80BC-4E9F-ACC9-4313B686DA0F}"/>
    <dgm:cxn modelId="{7259A1F7-88EB-4703-90C7-370F367CF610}" srcId="{F5DB8952-AE48-4529-8780-1B340D99E7D1}" destId="{6F83C339-17AC-4A39-A6D4-A6755490C5CD}" srcOrd="0" destOrd="0" parTransId="{EF1FA0DA-B737-4A68-874F-74F5B930A6BF}" sibTransId="{50E4F0D3-C014-4937-A9FA-3EDB9CE30383}"/>
    <dgm:cxn modelId="{E60815FA-E36D-45A7-ABEE-64294B185639}" type="presOf" srcId="{D2463AA1-8D39-4F4D-AFDD-FE58D3C30FA2}" destId="{851C1962-EAF6-4749-8DB0-1F2285530595}" srcOrd="0" destOrd="0" presId="urn:microsoft.com/office/officeart/2005/8/layout/chevron2"/>
    <dgm:cxn modelId="{7EF80CCF-304F-4464-A92F-2DA47C5B0F1D}" type="presParOf" srcId="{DC7C1B75-EA76-4CD6-B085-55E7A018941E}" destId="{9FECDBC0-4F98-4A5B-8807-FD271BA13563}" srcOrd="0" destOrd="0" presId="urn:microsoft.com/office/officeart/2005/8/layout/chevron2"/>
    <dgm:cxn modelId="{CDB302D5-8FD8-4D15-AE0A-6D4D904C87D1}" type="presParOf" srcId="{9FECDBC0-4F98-4A5B-8807-FD271BA13563}" destId="{851C1962-EAF6-4749-8DB0-1F2285530595}" srcOrd="0" destOrd="0" presId="urn:microsoft.com/office/officeart/2005/8/layout/chevron2"/>
    <dgm:cxn modelId="{4778E25D-31A7-45A0-84CA-AD65ECA2D093}" type="presParOf" srcId="{9FECDBC0-4F98-4A5B-8807-FD271BA13563}" destId="{ABCBBAAD-0110-4EFE-935B-C33519E57793}" srcOrd="1" destOrd="0" presId="urn:microsoft.com/office/officeart/2005/8/layout/chevron2"/>
    <dgm:cxn modelId="{7DA0EA02-644C-4548-8075-4EB7BC4C3F35}" type="presParOf" srcId="{DC7C1B75-EA76-4CD6-B085-55E7A018941E}" destId="{51CAD704-173E-4177-A800-3BBF1B3E4B55}" srcOrd="1" destOrd="0" presId="urn:microsoft.com/office/officeart/2005/8/layout/chevron2"/>
    <dgm:cxn modelId="{D52A93DB-E194-47B3-AAF0-C28CBA3D36CF}" type="presParOf" srcId="{DC7C1B75-EA76-4CD6-B085-55E7A018941E}" destId="{3820B8B8-F466-4FED-AA43-305FDD7C92B8}" srcOrd="2" destOrd="0" presId="urn:microsoft.com/office/officeart/2005/8/layout/chevron2"/>
    <dgm:cxn modelId="{EB2CA816-82CD-4CC2-BD49-4CD87F25CA1F}" type="presParOf" srcId="{3820B8B8-F466-4FED-AA43-305FDD7C92B8}" destId="{BFED5592-4FDF-481D-8FE1-1C94A64DC9E9}" srcOrd="0" destOrd="0" presId="urn:microsoft.com/office/officeart/2005/8/layout/chevron2"/>
    <dgm:cxn modelId="{6F86490E-1F88-43E2-AFD8-7BC659F1112D}" type="presParOf" srcId="{3820B8B8-F466-4FED-AA43-305FDD7C92B8}" destId="{5B62EEFF-ED40-4033-BAEA-91E31EA9FB80}" srcOrd="1" destOrd="0" presId="urn:microsoft.com/office/officeart/2005/8/layout/chevron2"/>
    <dgm:cxn modelId="{F3C14CD3-6EA6-46D0-BC41-85152DFA56BA}" type="presParOf" srcId="{DC7C1B75-EA76-4CD6-B085-55E7A018941E}" destId="{C2C7E74C-6FB9-48AA-8C7D-D679A9C1CFDB}" srcOrd="3" destOrd="0" presId="urn:microsoft.com/office/officeart/2005/8/layout/chevron2"/>
    <dgm:cxn modelId="{3DFB19F4-CDBF-48E2-87A7-FDBF18D1E7B2}" type="presParOf" srcId="{DC7C1B75-EA76-4CD6-B085-55E7A018941E}" destId="{AF941027-1713-4522-91D8-E90F37715888}" srcOrd="4" destOrd="0" presId="urn:microsoft.com/office/officeart/2005/8/layout/chevron2"/>
    <dgm:cxn modelId="{EE60BAC7-6E4B-4DBE-960D-D02FB3B594F3}" type="presParOf" srcId="{AF941027-1713-4522-91D8-E90F37715888}" destId="{CB5CE5CD-6D24-4BBF-8533-79C0D5F15775}" srcOrd="0" destOrd="0" presId="urn:microsoft.com/office/officeart/2005/8/layout/chevron2"/>
    <dgm:cxn modelId="{1C19A4D6-9E9A-4E0D-A7C2-3B59B640AE58}" type="presParOf" srcId="{AF941027-1713-4522-91D8-E90F37715888}" destId="{EE0CB9E2-DD91-4F6E-A937-8BA811E03C65}" srcOrd="1" destOrd="0" presId="urn:microsoft.com/office/officeart/2005/8/layout/chevron2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7FFDD726-F849-4D03-93FD-EEDB6FC138AD}" type="doc">
      <dgm:prSet loTypeId="urn:microsoft.com/office/officeart/2005/8/layout/cycle1" loCatId="cycle" qsTypeId="urn:microsoft.com/office/officeart/2005/8/quickstyle/simple1" qsCatId="simple" csTypeId="urn:microsoft.com/office/officeart/2005/8/colors/colorful1" csCatId="colorful" phldr="1"/>
      <dgm:spPr/>
      <dgm:t>
        <a:bodyPr/>
        <a:lstStyle/>
        <a:p>
          <a:endParaRPr lang="da-DK"/>
        </a:p>
      </dgm:t>
    </dgm:pt>
    <dgm:pt modelId="{9A247E3A-6351-4AD2-96E6-3907376C7099}">
      <dgm:prSet phldrT="[Tekst]"/>
      <dgm:spPr/>
      <dgm:t>
        <a:bodyPr/>
        <a:lstStyle/>
        <a:p>
          <a:r>
            <a:rPr lang="da-DK" dirty="0">
              <a:solidFill>
                <a:schemeClr val="bg1"/>
              </a:solidFill>
            </a:rPr>
            <a:t>.</a:t>
          </a:r>
        </a:p>
      </dgm:t>
    </dgm:pt>
    <dgm:pt modelId="{30D0DED0-FEC3-4C94-821B-51C39E11F419}" type="parTrans" cxnId="{4627B079-EB34-4E4F-B218-84850762799D}">
      <dgm:prSet/>
      <dgm:spPr/>
      <dgm:t>
        <a:bodyPr/>
        <a:lstStyle/>
        <a:p>
          <a:endParaRPr lang="da-DK"/>
        </a:p>
      </dgm:t>
    </dgm:pt>
    <dgm:pt modelId="{F7142903-7392-4650-904F-DF7745FE1D7A}" type="sibTrans" cxnId="{4627B079-EB34-4E4F-B218-84850762799D}">
      <dgm:prSet/>
      <dgm:spPr/>
      <dgm:t>
        <a:bodyPr/>
        <a:lstStyle/>
        <a:p>
          <a:endParaRPr lang="da-DK"/>
        </a:p>
      </dgm:t>
    </dgm:pt>
    <dgm:pt modelId="{C8714847-CD6D-4D6C-85AE-258257601740}">
      <dgm:prSet phldrT="[Tekst]"/>
      <dgm:spPr/>
      <dgm:t>
        <a:bodyPr/>
        <a:lstStyle/>
        <a:p>
          <a:r>
            <a:rPr lang="da-DK" dirty="0">
              <a:solidFill>
                <a:schemeClr val="bg1"/>
              </a:solidFill>
            </a:rPr>
            <a:t>.</a:t>
          </a:r>
        </a:p>
      </dgm:t>
    </dgm:pt>
    <dgm:pt modelId="{DCCFB4B1-E4B0-4277-A51D-214B7E61B432}" type="parTrans" cxnId="{2F23A1E7-758C-40A8-A030-4AA511A39C0D}">
      <dgm:prSet/>
      <dgm:spPr/>
      <dgm:t>
        <a:bodyPr/>
        <a:lstStyle/>
        <a:p>
          <a:endParaRPr lang="da-DK"/>
        </a:p>
      </dgm:t>
    </dgm:pt>
    <dgm:pt modelId="{E7534AB4-61C6-4B74-9420-3ACB92F65255}" type="sibTrans" cxnId="{2F23A1E7-758C-40A8-A030-4AA511A39C0D}">
      <dgm:prSet/>
      <dgm:spPr/>
      <dgm:t>
        <a:bodyPr/>
        <a:lstStyle/>
        <a:p>
          <a:endParaRPr lang="da-DK"/>
        </a:p>
      </dgm:t>
    </dgm:pt>
    <dgm:pt modelId="{BAFBED27-5F4E-49BE-BBF3-4DCF257EF7B5}">
      <dgm:prSet phldrT="[Tekst]"/>
      <dgm:spPr/>
      <dgm:t>
        <a:bodyPr/>
        <a:lstStyle/>
        <a:p>
          <a:r>
            <a:rPr lang="da-DK" dirty="0">
              <a:solidFill>
                <a:schemeClr val="bg1"/>
              </a:solidFill>
            </a:rPr>
            <a:t>.</a:t>
          </a:r>
        </a:p>
      </dgm:t>
    </dgm:pt>
    <dgm:pt modelId="{02E23728-C55F-42BC-AF6D-BEB073AAFA3D}" type="parTrans" cxnId="{DB6EF23F-5650-422F-99CA-7E64A430183D}">
      <dgm:prSet/>
      <dgm:spPr/>
      <dgm:t>
        <a:bodyPr/>
        <a:lstStyle/>
        <a:p>
          <a:endParaRPr lang="da-DK"/>
        </a:p>
      </dgm:t>
    </dgm:pt>
    <dgm:pt modelId="{B2FD40C9-C364-4F50-854F-E5B5DBF456A3}" type="sibTrans" cxnId="{DB6EF23F-5650-422F-99CA-7E64A430183D}">
      <dgm:prSet/>
      <dgm:spPr/>
      <dgm:t>
        <a:bodyPr/>
        <a:lstStyle/>
        <a:p>
          <a:endParaRPr lang="da-DK"/>
        </a:p>
      </dgm:t>
    </dgm:pt>
    <dgm:pt modelId="{01BF7E01-83F0-4A20-B4AB-0D50EC152B62}" type="pres">
      <dgm:prSet presAssocID="{7FFDD726-F849-4D03-93FD-EEDB6FC138AD}" presName="cycle" presStyleCnt="0">
        <dgm:presLayoutVars>
          <dgm:dir/>
          <dgm:resizeHandles val="exact"/>
        </dgm:presLayoutVars>
      </dgm:prSet>
      <dgm:spPr/>
    </dgm:pt>
    <dgm:pt modelId="{113B4692-E938-4725-9C5B-DF5E722FFAD0}" type="pres">
      <dgm:prSet presAssocID="{9A247E3A-6351-4AD2-96E6-3907376C7099}" presName="dummy" presStyleCnt="0"/>
      <dgm:spPr/>
    </dgm:pt>
    <dgm:pt modelId="{A344E0A2-41DE-4CCB-B78D-DB8DBF60EBD0}" type="pres">
      <dgm:prSet presAssocID="{9A247E3A-6351-4AD2-96E6-3907376C7099}" presName="node" presStyleLbl="revTx" presStyleIdx="0" presStyleCnt="3">
        <dgm:presLayoutVars>
          <dgm:bulletEnabled val="1"/>
        </dgm:presLayoutVars>
      </dgm:prSet>
      <dgm:spPr/>
    </dgm:pt>
    <dgm:pt modelId="{116525D5-5F37-41A5-93EB-2772692D5E02}" type="pres">
      <dgm:prSet presAssocID="{F7142903-7392-4650-904F-DF7745FE1D7A}" presName="sibTrans" presStyleLbl="node1" presStyleIdx="0" presStyleCnt="3"/>
      <dgm:spPr/>
    </dgm:pt>
    <dgm:pt modelId="{FB78B991-0EF7-4617-B1F2-D8D934EAF72E}" type="pres">
      <dgm:prSet presAssocID="{BAFBED27-5F4E-49BE-BBF3-4DCF257EF7B5}" presName="dummy" presStyleCnt="0"/>
      <dgm:spPr/>
    </dgm:pt>
    <dgm:pt modelId="{148B0E5B-8AE0-4460-8C6E-CEA890137801}" type="pres">
      <dgm:prSet presAssocID="{BAFBED27-5F4E-49BE-BBF3-4DCF257EF7B5}" presName="node" presStyleLbl="revTx" presStyleIdx="1" presStyleCnt="3">
        <dgm:presLayoutVars>
          <dgm:bulletEnabled val="1"/>
        </dgm:presLayoutVars>
      </dgm:prSet>
      <dgm:spPr/>
    </dgm:pt>
    <dgm:pt modelId="{9A834E3D-B68F-4AE5-A69E-93342F056F0F}" type="pres">
      <dgm:prSet presAssocID="{B2FD40C9-C364-4F50-854F-E5B5DBF456A3}" presName="sibTrans" presStyleLbl="node1" presStyleIdx="1" presStyleCnt="3"/>
      <dgm:spPr/>
    </dgm:pt>
    <dgm:pt modelId="{6FC8985E-3873-4222-83E3-63A50DBF6A1D}" type="pres">
      <dgm:prSet presAssocID="{C8714847-CD6D-4D6C-85AE-258257601740}" presName="dummy" presStyleCnt="0"/>
      <dgm:spPr/>
    </dgm:pt>
    <dgm:pt modelId="{AD2C9A17-252D-4FB2-9194-691E300780E6}" type="pres">
      <dgm:prSet presAssocID="{C8714847-CD6D-4D6C-85AE-258257601740}" presName="node" presStyleLbl="revTx" presStyleIdx="2" presStyleCnt="3">
        <dgm:presLayoutVars>
          <dgm:bulletEnabled val="1"/>
        </dgm:presLayoutVars>
      </dgm:prSet>
      <dgm:spPr/>
    </dgm:pt>
    <dgm:pt modelId="{046342A7-1FA1-43F7-BFF3-7C194FA3913A}" type="pres">
      <dgm:prSet presAssocID="{E7534AB4-61C6-4B74-9420-3ACB92F65255}" presName="sibTrans" presStyleLbl="node1" presStyleIdx="2" presStyleCnt="3"/>
      <dgm:spPr/>
    </dgm:pt>
  </dgm:ptLst>
  <dgm:cxnLst>
    <dgm:cxn modelId="{5BB3AF1C-4482-4F09-886D-D107D64F0A24}" type="presOf" srcId="{B2FD40C9-C364-4F50-854F-E5B5DBF456A3}" destId="{9A834E3D-B68F-4AE5-A69E-93342F056F0F}" srcOrd="0" destOrd="0" presId="urn:microsoft.com/office/officeart/2005/8/layout/cycle1"/>
    <dgm:cxn modelId="{0A205132-5096-4B64-8613-A49A0C99A8AE}" type="presOf" srcId="{BAFBED27-5F4E-49BE-BBF3-4DCF257EF7B5}" destId="{148B0E5B-8AE0-4460-8C6E-CEA890137801}" srcOrd="0" destOrd="0" presId="urn:microsoft.com/office/officeart/2005/8/layout/cycle1"/>
    <dgm:cxn modelId="{6C478E37-4ED8-47E5-A7CD-873372294F07}" type="presOf" srcId="{7FFDD726-F849-4D03-93FD-EEDB6FC138AD}" destId="{01BF7E01-83F0-4A20-B4AB-0D50EC152B62}" srcOrd="0" destOrd="0" presId="urn:microsoft.com/office/officeart/2005/8/layout/cycle1"/>
    <dgm:cxn modelId="{DB6EF23F-5650-422F-99CA-7E64A430183D}" srcId="{7FFDD726-F849-4D03-93FD-EEDB6FC138AD}" destId="{BAFBED27-5F4E-49BE-BBF3-4DCF257EF7B5}" srcOrd="1" destOrd="0" parTransId="{02E23728-C55F-42BC-AF6D-BEB073AAFA3D}" sibTransId="{B2FD40C9-C364-4F50-854F-E5B5DBF456A3}"/>
    <dgm:cxn modelId="{B4284260-5E80-4291-B253-964E86CB3C8D}" type="presOf" srcId="{E7534AB4-61C6-4B74-9420-3ACB92F65255}" destId="{046342A7-1FA1-43F7-BFF3-7C194FA3913A}" srcOrd="0" destOrd="0" presId="urn:microsoft.com/office/officeart/2005/8/layout/cycle1"/>
    <dgm:cxn modelId="{28B7AB4C-D399-4B56-B9FD-22CB8C55109A}" type="presOf" srcId="{C8714847-CD6D-4D6C-85AE-258257601740}" destId="{AD2C9A17-252D-4FB2-9194-691E300780E6}" srcOrd="0" destOrd="0" presId="urn:microsoft.com/office/officeart/2005/8/layout/cycle1"/>
    <dgm:cxn modelId="{4627B079-EB34-4E4F-B218-84850762799D}" srcId="{7FFDD726-F849-4D03-93FD-EEDB6FC138AD}" destId="{9A247E3A-6351-4AD2-96E6-3907376C7099}" srcOrd="0" destOrd="0" parTransId="{30D0DED0-FEC3-4C94-821B-51C39E11F419}" sibTransId="{F7142903-7392-4650-904F-DF7745FE1D7A}"/>
    <dgm:cxn modelId="{590BBFB8-4D99-4171-8990-EEEAB1E7894E}" type="presOf" srcId="{9A247E3A-6351-4AD2-96E6-3907376C7099}" destId="{A344E0A2-41DE-4CCB-B78D-DB8DBF60EBD0}" srcOrd="0" destOrd="0" presId="urn:microsoft.com/office/officeart/2005/8/layout/cycle1"/>
    <dgm:cxn modelId="{FAD25FD9-9169-445E-9627-EE8E703C01E2}" type="presOf" srcId="{F7142903-7392-4650-904F-DF7745FE1D7A}" destId="{116525D5-5F37-41A5-93EB-2772692D5E02}" srcOrd="0" destOrd="0" presId="urn:microsoft.com/office/officeart/2005/8/layout/cycle1"/>
    <dgm:cxn modelId="{2F23A1E7-758C-40A8-A030-4AA511A39C0D}" srcId="{7FFDD726-F849-4D03-93FD-EEDB6FC138AD}" destId="{C8714847-CD6D-4D6C-85AE-258257601740}" srcOrd="2" destOrd="0" parTransId="{DCCFB4B1-E4B0-4277-A51D-214B7E61B432}" sibTransId="{E7534AB4-61C6-4B74-9420-3ACB92F65255}"/>
    <dgm:cxn modelId="{F0BC9539-EB34-4820-88AF-2513A4CA590D}" type="presParOf" srcId="{01BF7E01-83F0-4A20-B4AB-0D50EC152B62}" destId="{113B4692-E938-4725-9C5B-DF5E722FFAD0}" srcOrd="0" destOrd="0" presId="urn:microsoft.com/office/officeart/2005/8/layout/cycle1"/>
    <dgm:cxn modelId="{CE95A0B9-6363-4EDC-A5A7-9C566DA08302}" type="presParOf" srcId="{01BF7E01-83F0-4A20-B4AB-0D50EC152B62}" destId="{A344E0A2-41DE-4CCB-B78D-DB8DBF60EBD0}" srcOrd="1" destOrd="0" presId="urn:microsoft.com/office/officeart/2005/8/layout/cycle1"/>
    <dgm:cxn modelId="{6C994A52-5F5F-44DB-ACAD-BCC864D7A4C6}" type="presParOf" srcId="{01BF7E01-83F0-4A20-B4AB-0D50EC152B62}" destId="{116525D5-5F37-41A5-93EB-2772692D5E02}" srcOrd="2" destOrd="0" presId="urn:microsoft.com/office/officeart/2005/8/layout/cycle1"/>
    <dgm:cxn modelId="{1182A5AA-81F6-43B7-8D58-3A864C4D305B}" type="presParOf" srcId="{01BF7E01-83F0-4A20-B4AB-0D50EC152B62}" destId="{FB78B991-0EF7-4617-B1F2-D8D934EAF72E}" srcOrd="3" destOrd="0" presId="urn:microsoft.com/office/officeart/2005/8/layout/cycle1"/>
    <dgm:cxn modelId="{C04B45F8-EF9D-40AA-9F86-9BA823504A57}" type="presParOf" srcId="{01BF7E01-83F0-4A20-B4AB-0D50EC152B62}" destId="{148B0E5B-8AE0-4460-8C6E-CEA890137801}" srcOrd="4" destOrd="0" presId="urn:microsoft.com/office/officeart/2005/8/layout/cycle1"/>
    <dgm:cxn modelId="{3DDA4828-6D55-49F7-ABDE-C20F11AF3354}" type="presParOf" srcId="{01BF7E01-83F0-4A20-B4AB-0D50EC152B62}" destId="{9A834E3D-B68F-4AE5-A69E-93342F056F0F}" srcOrd="5" destOrd="0" presId="urn:microsoft.com/office/officeart/2005/8/layout/cycle1"/>
    <dgm:cxn modelId="{A88F48B4-B63A-4D84-A0E3-07B3CC4DBB91}" type="presParOf" srcId="{01BF7E01-83F0-4A20-B4AB-0D50EC152B62}" destId="{6FC8985E-3873-4222-83E3-63A50DBF6A1D}" srcOrd="6" destOrd="0" presId="urn:microsoft.com/office/officeart/2005/8/layout/cycle1"/>
    <dgm:cxn modelId="{2429420A-EA83-4FC8-9A07-14F8F0D5F615}" type="presParOf" srcId="{01BF7E01-83F0-4A20-B4AB-0D50EC152B62}" destId="{AD2C9A17-252D-4FB2-9194-691E300780E6}" srcOrd="7" destOrd="0" presId="urn:microsoft.com/office/officeart/2005/8/layout/cycle1"/>
    <dgm:cxn modelId="{D7472B51-9B9D-4119-B39D-6E038AA4F8DD}" type="presParOf" srcId="{01BF7E01-83F0-4A20-B4AB-0D50EC152B62}" destId="{046342A7-1FA1-43F7-BFF3-7C194FA3913A}" srcOrd="8" destOrd="0" presId="urn:microsoft.com/office/officeart/2005/8/layout/cycle1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51C1962-EAF6-4749-8DB0-1F2285530595}">
      <dsp:nvSpPr>
        <dsp:cNvPr id="0" name=""/>
        <dsp:cNvSpPr/>
      </dsp:nvSpPr>
      <dsp:spPr>
        <a:xfrm rot="5400000">
          <a:off x="-202765" y="203820"/>
          <a:ext cx="1351768" cy="946238"/>
        </a:xfrm>
        <a:prstGeom prst="chevron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Pitch</a:t>
          </a:r>
        </a:p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1 min</a:t>
          </a:r>
        </a:p>
      </dsp:txBody>
      <dsp:txXfrm rot="-5400000">
        <a:off x="0" y="474174"/>
        <a:ext cx="946238" cy="405530"/>
      </dsp:txXfrm>
    </dsp:sp>
    <dsp:sp modelId="{ABCBBAAD-0110-4EFE-935B-C33519E57793}">
      <dsp:nvSpPr>
        <dsp:cNvPr id="0" name=""/>
        <dsp:cNvSpPr/>
      </dsp:nvSpPr>
      <dsp:spPr>
        <a:xfrm rot="5400000">
          <a:off x="2725137" y="-1777843"/>
          <a:ext cx="878649" cy="4436447"/>
        </a:xfrm>
        <a:prstGeom prst="round2SameRect">
          <a:avLst/>
        </a:prstGeom>
        <a:solidFill>
          <a:schemeClr val="dk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8232" tIns="6985" rIns="6985" bIns="6985" numCol="1" spcCol="1270" anchor="ctr" anchorCtr="0">
          <a:noAutofit/>
        </a:bodyPr>
        <a:lstStyle/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endParaRPr lang="da-DK" sz="1100" kern="1200" noProof="0" dirty="0"/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 dirty="0"/>
            <a:t>De 5 teams står ved deres storyboard – </a:t>
          </a:r>
          <a:r>
            <a:rPr lang="da-DK" sz="1100" kern="1200" noProof="0" dirty="0">
              <a:solidFill>
                <a:srgbClr val="E37222"/>
              </a:solidFill>
            </a:rPr>
            <a:t>en træder frem </a:t>
          </a:r>
          <a:r>
            <a:rPr lang="da-DK" sz="1100" kern="1200" noProof="0" dirty="0"/>
            <a:t>og får mikrofon</a:t>
          </a:r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 dirty="0"/>
            <a:t>5 teams pitcher deres sparringsemner</a:t>
          </a:r>
        </a:p>
      </dsp:txBody>
      <dsp:txXfrm rot="-5400000">
        <a:off x="946238" y="43948"/>
        <a:ext cx="4393555" cy="792865"/>
      </dsp:txXfrm>
    </dsp:sp>
    <dsp:sp modelId="{BFED5592-4FDF-481D-8FE1-1C94A64DC9E9}">
      <dsp:nvSpPr>
        <dsp:cNvPr id="0" name=""/>
        <dsp:cNvSpPr/>
      </dsp:nvSpPr>
      <dsp:spPr>
        <a:xfrm rot="5400000">
          <a:off x="-202765" y="1357848"/>
          <a:ext cx="1351768" cy="946238"/>
        </a:xfrm>
        <a:prstGeom prst="chevron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200" kern="1200" noProof="0"/>
            <a:t>Fordeling</a:t>
          </a:r>
        </a:p>
        <a:p>
          <a:pPr marL="0" lvl="0" indent="0" algn="ctr" defTabSz="533400" rtl="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200" kern="1200" noProof="0">
              <a:latin typeface="Arial"/>
              <a:cs typeface="Arial"/>
            </a:rPr>
            <a:t>3 min</a:t>
          </a:r>
          <a:endParaRPr lang="da-DK" sz="1200" kern="1200" noProof="0"/>
        </a:p>
      </dsp:txBody>
      <dsp:txXfrm rot="-5400000">
        <a:off x="0" y="1628202"/>
        <a:ext cx="946238" cy="405530"/>
      </dsp:txXfrm>
    </dsp:sp>
    <dsp:sp modelId="{5B62EEFF-ED40-4033-BAEA-91E31EA9FB80}">
      <dsp:nvSpPr>
        <dsp:cNvPr id="0" name=""/>
        <dsp:cNvSpPr/>
      </dsp:nvSpPr>
      <dsp:spPr>
        <a:xfrm rot="5400000">
          <a:off x="2725137" y="-623815"/>
          <a:ext cx="878649" cy="4436447"/>
        </a:xfrm>
        <a:prstGeom prst="round2SameRect">
          <a:avLst/>
        </a:prstGeom>
        <a:solidFill>
          <a:schemeClr val="dk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8232" tIns="6985" rIns="6985" bIns="6985" numCol="1" spcCol="1270" anchor="ctr" anchorCtr="0">
          <a:noAutofit/>
        </a:bodyPr>
        <a:lstStyle/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 dirty="0"/>
            <a:t>De øvrige deltager vælger et team at gå hen til for at give sparring i runde 1</a:t>
          </a:r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dirty="0"/>
            <a:t> Vælg at gå til et sparringsemne, hvortil du har nogle gode erfaringer at dele – alternativ et team, som har samme udfordring som dig selv. </a:t>
          </a:r>
          <a:r>
            <a:rPr lang="da-DK" sz="1100" kern="1200" noProof="0" dirty="0"/>
            <a:t>Udgangspunktet er </a:t>
          </a:r>
          <a:r>
            <a:rPr lang="da-DK" sz="1100" kern="1200" noProof="0" dirty="0">
              <a:solidFill>
                <a:srgbClr val="CA4F1C"/>
              </a:solidFill>
            </a:rPr>
            <a:t>nysgerrighed.</a:t>
          </a:r>
        </a:p>
      </dsp:txBody>
      <dsp:txXfrm rot="-5400000">
        <a:off x="946238" y="1197976"/>
        <a:ext cx="4393555" cy="792865"/>
      </dsp:txXfrm>
    </dsp:sp>
    <dsp:sp modelId="{CB5CE5CD-6D24-4BBF-8533-79C0D5F15775}">
      <dsp:nvSpPr>
        <dsp:cNvPr id="0" name=""/>
        <dsp:cNvSpPr/>
      </dsp:nvSpPr>
      <dsp:spPr>
        <a:xfrm rot="5400000">
          <a:off x="-202765" y="2511876"/>
          <a:ext cx="1351768" cy="946238"/>
        </a:xfrm>
        <a:prstGeom prst="chevron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" tIns="7620" rIns="7620" bIns="7620" numCol="1" spcCol="1270" anchor="ctr" anchorCtr="0">
          <a:noAutofit/>
        </a:bodyPr>
        <a:lstStyle/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Sparring</a:t>
          </a:r>
        </a:p>
        <a:p>
          <a:pPr marL="0" lvl="0" indent="0" algn="ctr" defTabSz="533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200" kern="1200"/>
            <a:t>20 min</a:t>
          </a:r>
        </a:p>
      </dsp:txBody>
      <dsp:txXfrm rot="-5400000">
        <a:off x="0" y="2782230"/>
        <a:ext cx="946238" cy="405530"/>
      </dsp:txXfrm>
    </dsp:sp>
    <dsp:sp modelId="{EE0CB9E2-DD91-4F6E-A937-8BA811E03C65}">
      <dsp:nvSpPr>
        <dsp:cNvPr id="0" name=""/>
        <dsp:cNvSpPr/>
      </dsp:nvSpPr>
      <dsp:spPr>
        <a:xfrm rot="5400000">
          <a:off x="2725137" y="530211"/>
          <a:ext cx="878649" cy="4436447"/>
        </a:xfrm>
        <a:prstGeom prst="round2SameRect">
          <a:avLst/>
        </a:prstGeom>
        <a:solidFill>
          <a:schemeClr val="dk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dk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8232" tIns="6985" rIns="6985" bIns="6985" numCol="1" spcCol="1270" anchor="ctr" anchorCtr="0">
          <a:noAutofit/>
        </a:bodyPr>
        <a:lstStyle/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/>
            <a:t>De nu 5 ”hold” stiller sig i en rundkreds. Facilitator tager ordet</a:t>
          </a:r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 dirty="0"/>
            <a:t>Teamet uddyber kort deres problem. Sparringspartnere får ordet – </a:t>
          </a:r>
          <a:r>
            <a:rPr lang="da-DK" sz="1100" kern="1200" noProof="0" dirty="0">
              <a:solidFill>
                <a:srgbClr val="CA4F1C"/>
              </a:solidFill>
            </a:rPr>
            <a:t>teamet lytter (!)</a:t>
          </a:r>
          <a:endParaRPr lang="da-DK" sz="1100" kern="1200" noProof="0" dirty="0"/>
        </a:p>
        <a:p>
          <a:pPr marL="57150" lvl="1" indent="-57150" algn="l" defTabSz="4889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da-DK" sz="1100" kern="1200" noProof="0" dirty="0"/>
            <a:t>Der skrives ideer/kommentarer på post </a:t>
          </a:r>
          <a:r>
            <a:rPr lang="da-DK" sz="1100" kern="1200" noProof="0" dirty="0" err="1"/>
            <a:t>it’s</a:t>
          </a:r>
          <a:endParaRPr lang="da-DK" sz="1100" kern="1200" noProof="0" dirty="0"/>
        </a:p>
      </dsp:txBody>
      <dsp:txXfrm rot="-5400000">
        <a:off x="946238" y="2352002"/>
        <a:ext cx="4393555" cy="792865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344E0A2-41DE-4CCB-B78D-DB8DBF60EBD0}">
      <dsp:nvSpPr>
        <dsp:cNvPr id="0" name=""/>
        <dsp:cNvSpPr/>
      </dsp:nvSpPr>
      <dsp:spPr>
        <a:xfrm>
          <a:off x="4759498" y="399442"/>
          <a:ext cx="2043906" cy="20439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2550" tIns="82550" rIns="82550" bIns="82550" numCol="1" spcCol="1270" anchor="ctr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6500" kern="1200" dirty="0">
              <a:solidFill>
                <a:schemeClr val="bg1"/>
              </a:solidFill>
            </a:rPr>
            <a:t>.</a:t>
          </a:r>
        </a:p>
      </dsp:txBody>
      <dsp:txXfrm>
        <a:off x="4759498" y="399442"/>
        <a:ext cx="2043906" cy="2043906"/>
      </dsp:txXfrm>
    </dsp:sp>
    <dsp:sp modelId="{116525D5-5F37-41A5-93EB-2772692D5E02}">
      <dsp:nvSpPr>
        <dsp:cNvPr id="0" name=""/>
        <dsp:cNvSpPr/>
      </dsp:nvSpPr>
      <dsp:spPr>
        <a:xfrm>
          <a:off x="1649082" y="-1950"/>
          <a:ext cx="4829834" cy="4829834"/>
        </a:xfrm>
        <a:prstGeom prst="circularArrow">
          <a:avLst>
            <a:gd name="adj1" fmla="val 8252"/>
            <a:gd name="adj2" fmla="val 576426"/>
            <a:gd name="adj3" fmla="val 2962443"/>
            <a:gd name="adj4" fmla="val 52669"/>
            <a:gd name="adj5" fmla="val 9627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148B0E5B-8AE0-4460-8C6E-CEA890137801}">
      <dsp:nvSpPr>
        <dsp:cNvPr id="0" name=""/>
        <dsp:cNvSpPr/>
      </dsp:nvSpPr>
      <dsp:spPr>
        <a:xfrm>
          <a:off x="3042046" y="3374155"/>
          <a:ext cx="2043906" cy="20439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2550" tIns="82550" rIns="82550" bIns="82550" numCol="1" spcCol="1270" anchor="ctr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6500" kern="1200" dirty="0">
              <a:solidFill>
                <a:schemeClr val="bg1"/>
              </a:solidFill>
            </a:rPr>
            <a:t>.</a:t>
          </a:r>
        </a:p>
      </dsp:txBody>
      <dsp:txXfrm>
        <a:off x="3042046" y="3374155"/>
        <a:ext cx="2043906" cy="2043906"/>
      </dsp:txXfrm>
    </dsp:sp>
    <dsp:sp modelId="{9A834E3D-B68F-4AE5-A69E-93342F056F0F}">
      <dsp:nvSpPr>
        <dsp:cNvPr id="0" name=""/>
        <dsp:cNvSpPr/>
      </dsp:nvSpPr>
      <dsp:spPr>
        <a:xfrm>
          <a:off x="1649082" y="-1950"/>
          <a:ext cx="4829834" cy="4829834"/>
        </a:xfrm>
        <a:prstGeom prst="circularArrow">
          <a:avLst>
            <a:gd name="adj1" fmla="val 8252"/>
            <a:gd name="adj2" fmla="val 576426"/>
            <a:gd name="adj3" fmla="val 10170905"/>
            <a:gd name="adj4" fmla="val 7261132"/>
            <a:gd name="adj5" fmla="val 9627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D2C9A17-252D-4FB2-9194-691E300780E6}">
      <dsp:nvSpPr>
        <dsp:cNvPr id="0" name=""/>
        <dsp:cNvSpPr/>
      </dsp:nvSpPr>
      <dsp:spPr>
        <a:xfrm>
          <a:off x="1324595" y="399442"/>
          <a:ext cx="2043906" cy="204390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2550" tIns="82550" rIns="82550" bIns="82550" numCol="1" spcCol="1270" anchor="ctr" anchorCtr="0">
          <a:noAutofit/>
        </a:bodyPr>
        <a:lstStyle/>
        <a:p>
          <a:pPr marL="0" lvl="0" indent="0" algn="ctr" defTabSz="2889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6500" kern="1200" dirty="0">
              <a:solidFill>
                <a:schemeClr val="bg1"/>
              </a:solidFill>
            </a:rPr>
            <a:t>.</a:t>
          </a:r>
        </a:p>
      </dsp:txBody>
      <dsp:txXfrm>
        <a:off x="1324595" y="399442"/>
        <a:ext cx="2043906" cy="2043906"/>
      </dsp:txXfrm>
    </dsp:sp>
    <dsp:sp modelId="{046342A7-1FA1-43F7-BFF3-7C194FA3913A}">
      <dsp:nvSpPr>
        <dsp:cNvPr id="0" name=""/>
        <dsp:cNvSpPr/>
      </dsp:nvSpPr>
      <dsp:spPr>
        <a:xfrm>
          <a:off x="1649082" y="-1950"/>
          <a:ext cx="4829834" cy="4829834"/>
        </a:xfrm>
        <a:prstGeom prst="circularArrow">
          <a:avLst>
            <a:gd name="adj1" fmla="val 8252"/>
            <a:gd name="adj2" fmla="val 576426"/>
            <a:gd name="adj3" fmla="val 16855402"/>
            <a:gd name="adj4" fmla="val 14968173"/>
            <a:gd name="adj5" fmla="val 9627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hevron2">
  <dgm:title val=""/>
  <dgm:desc val=""/>
  <dgm:catLst>
    <dgm:cat type="process" pri="12000"/>
    <dgm:cat type="list" pri="16000"/>
    <dgm:cat type="convert" pri="1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</dgm:ptLst>
      <dgm:cxnLst>
        <dgm:cxn modelId="4" srcId="0" destId="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linearFlow">
    <dgm:varLst>
      <dgm:dir/>
      <dgm:animLvl val="lvl"/>
      <dgm:resizeHandles val="exact"/>
    </dgm:varLst>
    <dgm:alg type="lin">
      <dgm:param type="linDir" val="fromT"/>
      <dgm:param type="nodeHorzAlign" val="l"/>
    </dgm:alg>
    <dgm:shape xmlns:r="http://schemas.openxmlformats.org/officeDocument/2006/relationships" r:blip="">
      <dgm:adjLst/>
    </dgm:shape>
    <dgm:presOf/>
    <dgm:constrLst>
      <dgm:constr type="h" for="ch" forName="composite" refType="h"/>
      <dgm:constr type="w" for="ch" forName="composite" refType="w"/>
      <dgm:constr type="h" for="des" forName="parentText" op="equ"/>
      <dgm:constr type="h" for="ch" forName="sp" val="-14.88"/>
      <dgm:constr type="h" for="ch" forName="sp" refType="w" refFor="des" refForName="parentText" op="gte" fact="-0.3"/>
      <dgm:constr type="primFontSz" for="des" forName="parentText" op="equ" val="65"/>
      <dgm:constr type="primFontSz" for="des" forName="descendantText" op="equ" val="65"/>
    </dgm:constrLst>
    <dgm:ruleLst/>
    <dgm:forEach name="Name0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1">
          <dgm:if name="Name2" func="var" arg="dir" op="equ" val="norm">
            <dgm:constrLst>
              <dgm:constr type="t" for="ch" forName="parentText"/>
              <dgm:constr type="l" for="ch" forName="parentText"/>
              <dgm:constr type="w" for="ch" forName="parentText" refType="w" fact="0.4"/>
              <dgm:constr type="h" for="ch" forName="parentText" refType="h"/>
              <dgm:constr type="w" for="ch" forName="parentText" refType="w" op="lte" fact="0.5"/>
              <dgm:constr type="w" for="ch" forName="parentText" refType="h" refFor="ch" refForName="parentText" op="lte" fact="0.7"/>
              <dgm:constr type="h" for="ch" forName="parentText" refType="w" refFor="ch" refForName="parentText" op="lte" fact="3"/>
              <dgm:constr type="l" for="ch" forName="descendantText" refType="w" refFor="ch" refForName="parentText"/>
              <dgm:constr type="w" for="ch" forName="descendantText" refType="w"/>
              <dgm:constr type="wOff" for="ch" forName="descendantText" refType="w" refFor="ch" refForName="parentText" fact="-1"/>
              <dgm:constr type="t" for="ch" forName="descendantText"/>
              <dgm:constr type="b" for="ch" forName="descendantText" refType="h" refFor="ch" refForName="parentText"/>
              <dgm:constr type="bOff" for="ch" forName="descendantText" refType="w" refFor="ch" refForName="parentText" fact="-0.5"/>
            </dgm:constrLst>
          </dgm:if>
          <dgm:else name="Name3">
            <dgm:constrLst>
              <dgm:constr type="t" for="ch" forName="parentText"/>
              <dgm:constr type="r" for="ch" forName="parentText" refType="w"/>
              <dgm:constr type="w" for="ch" forName="parentText" refType="w" fact="0.4"/>
              <dgm:constr type="h" for="ch" forName="parentText" refType="h"/>
              <dgm:constr type="w" for="ch" forName="parentText" refType="w" op="lte" fact="0.5"/>
              <dgm:constr type="w" for="ch" forName="parentText" refType="h" refFor="ch" refForName="parentText" op="lte" fact="0.7"/>
              <dgm:constr type="h" for="ch" forName="parentText" refType="w" refFor="ch" refForName="parentText" op="lte" fact="3"/>
              <dgm:constr type="l" for="ch" forName="descendantText"/>
              <dgm:constr type="w" for="ch" forName="descendantText" refType="w"/>
              <dgm:constr type="wOff" for="ch" forName="descendantText" refType="w" refFor="ch" refForName="parentText" fact="-1"/>
              <dgm:constr type="t" for="ch" forName="descendantText"/>
              <dgm:constr type="b" for="ch" forName="descendantText" refType="h" refFor="ch" refForName="parentText"/>
              <dgm:constr type="bOff" for="ch" forName="descendantText" refType="w" refFor="ch" refForName="parentText" fact="-0.5"/>
            </dgm:constrLst>
          </dgm:else>
        </dgm:choose>
        <dgm:ruleLst/>
        <dgm:layoutNode name="parentText" styleLbl="alignNode1">
          <dgm:varLst>
            <dgm:chMax val="1"/>
            <dgm:bulletEnabled val="1"/>
          </dgm:varLst>
          <dgm:alg type="tx"/>
          <dgm:shape xmlns:r="http://schemas.openxmlformats.org/officeDocument/2006/relationships" rot="90" type="chevron" r:blip="">
            <dgm:adjLst/>
          </dgm:shape>
          <dgm:presOf axis="self" ptType="node"/>
          <dgm:constrLst>
            <dgm:constr type="lMarg" refType="primFontSz" fact="0.05"/>
            <dgm:constr type="rMarg" refType="primFontSz" fact="0.05"/>
            <dgm:constr type="tMarg" refType="primFontSz" fact="0.05"/>
            <dgm:constr type="bMarg" refType="primFontSz" fact="0.05"/>
          </dgm:constrLst>
          <dgm:ruleLst>
            <dgm:rule type="h" val="100" fact="NaN" max="NaN"/>
            <dgm:rule type="primFontSz" val="24" fact="NaN" max="NaN"/>
            <dgm:rule type="h" val="110" fact="NaN" max="NaN"/>
            <dgm:rule type="primFontSz" val="18" fact="NaN" max="NaN"/>
            <dgm:rule type="h" val="INF" fact="NaN" max="NaN"/>
            <dgm:rule type="primFontSz" val="5" fact="NaN" max="NaN"/>
          </dgm:ruleLst>
        </dgm:layoutNode>
        <dgm:layoutNode name="descendantText" styleLbl="alignAcc1">
          <dgm:varLst>
            <dgm:bulletEnabled val="1"/>
          </dgm:varLst>
          <dgm:choose name="Name4">
            <dgm:if name="Name5" func="var" arg="dir" op="equ" val="norm"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rot="90" type="round2SameRect" r:blip="">
                <dgm:adjLst/>
              </dgm:shape>
            </dgm:if>
            <dgm:else name="Name6">
              <dgm:alg type="tx">
                <dgm:param type="stBulletLvl" val="1"/>
                <dgm:param type="txAnchorVertCh" val="mid"/>
              </dgm:alg>
              <dgm:shape xmlns:r="http://schemas.openxmlformats.org/officeDocument/2006/relationships" rot="-90" type="round2SameRect" r:blip="">
                <dgm:adjLst/>
              </dgm:shape>
            </dgm:else>
          </dgm:choose>
          <dgm:presOf axis="des" ptType="node"/>
          <dgm:choose name="Name7">
            <dgm:if name="Name8" func="var" arg="dir" op="equ" val="norm">
              <dgm:constrLst>
                <dgm:constr type="secFontSz" refType="primFontSz"/>
                <dgm:constr type="tMarg" refType="primFontSz" fact="0.05"/>
                <dgm:constr type="bMarg" refType="primFontSz" fact="0.05"/>
                <dgm:constr type="rMarg" refType="primFontSz" fact="0.05"/>
              </dgm:constrLst>
            </dgm:if>
            <dgm:else name="Name9">
              <dgm:constrLst>
                <dgm:constr type="secFontSz" refType="primFontSz"/>
                <dgm:constr type="tMarg" refType="primFontSz" fact="0.05"/>
                <dgm:constr type="bMarg" refType="primFontSz" fact="0.05"/>
                <dgm:constr type="lMarg" refType="primFontSz" fact="0.05"/>
              </dgm:constrLst>
            </dgm:else>
          </dgm:choose>
          <dgm:ruleLst>
            <dgm:rule type="primFontSz" val="5" fact="NaN" max="NaN"/>
          </dgm:ruleLst>
        </dgm:layoutNode>
      </dgm:layoutNode>
      <dgm:forEach name="Name10" axis="followSib" ptType="sibTrans" cnt="1">
        <dgm:layoutNode name="sp">
          <dgm:alg type="sp"/>
          <dgm:shape xmlns:r="http://schemas.openxmlformats.org/officeDocument/2006/relationships" r:blip="">
            <dgm:adjLst/>
          </dgm:shape>
          <dgm:presOf axis="self"/>
          <dgm:constrLst>
            <dgm:constr type="w" val="1"/>
            <dgm:constr type="h" val="37.5"/>
          </dgm:constrLst>
          <dgm:ruleLst/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cycle1">
  <dgm:title val=""/>
  <dgm:desc val=""/>
  <dgm:catLst>
    <dgm:cat type="cycle" pri="2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ycle">
    <dgm:varLst>
      <dgm:dir/>
      <dgm:resizeHandles val="exact"/>
    </dgm:varLst>
    <dgm:choose name="Name0">
      <dgm:if name="Name1" func="var" arg="dir" op="equ" val="norm">
        <dgm:alg type="cycle">
          <dgm:param type="stAng" val="0"/>
          <dgm:param type="spanAng" val="360"/>
        </dgm:alg>
      </dgm:if>
      <dgm:else name="Name2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hoose name="Name3">
      <dgm:if name="Name4" func="var" arg="dir" op="equ" val="norm">
        <dgm:constrLst>
          <dgm:constr type="diam" val="1"/>
          <dgm:constr type="w" for="ch" forName="node" refType="w"/>
          <dgm:constr type="w" for="ch" ptType="sibTrans" refType="w" refFor="ch" refForName="node" fact="0.5"/>
          <dgm:constr type="h" for="ch" ptType="sibTrans" op="equ"/>
          <dgm:constr type="diam" for="ch" ptType="sibTrans" refType="diam" op="equ"/>
          <dgm:constr type="sibSp" refType="w" refFor="ch" refForName="node" fact="0.15"/>
          <dgm:constr type="w" for="ch" forName="dummy" refType="sibSp" fact="2.8"/>
          <dgm:constr type="primFontSz" for="ch" forName="node" op="equ" val="65"/>
        </dgm:constrLst>
      </dgm:if>
      <dgm:else name="Name5">
        <dgm:constrLst>
          <dgm:constr type="diam" val="1"/>
          <dgm:constr type="w" for="ch" forName="node" refType="w"/>
          <dgm:constr type="w" for="ch" ptType="sibTrans" refType="w" refFor="ch" refForName="node" fact="0.5"/>
          <dgm:constr type="h" for="ch" ptType="sibTrans" op="equ"/>
          <dgm:constr type="diam" for="ch" ptType="sibTrans" refType="diam" op="equ" fact="-1"/>
          <dgm:constr type="sibSp" refType="w" refFor="ch" refForName="node" fact="0.15"/>
          <dgm:constr type="w" for="ch" forName="dummy" refType="sibSp" fact="2.8"/>
          <dgm:constr type="primFontSz" for="ch" forName="node" op="equ" val="65"/>
        </dgm:constrLst>
      </dgm:else>
    </dgm:choose>
    <dgm:ruleLst>
      <dgm:rule type="diam" val="INF" fact="NaN" max="NaN"/>
    </dgm:ruleLst>
    <dgm:forEach name="nodesForEach" axis="ch" ptType="node">
      <dgm:choose name="Name6">
        <dgm:if name="Name7" axis="par ch" ptType="doc node" func="cnt" op="gt" val="1">
          <dgm:layoutNode name="dummy">
            <dgm:alg type="sp"/>
            <dgm:shape xmlns:r="http://schemas.openxmlformats.org/officeDocument/2006/relationships" r:blip="">
              <dgm:adjLst/>
            </dgm:shape>
            <dgm:presOf/>
            <dgm:constrLst>
              <dgm:constr type="h" refType="w"/>
            </dgm:constrLst>
            <dgm:ruleLst/>
          </dgm:layoutNode>
        </dgm:if>
        <dgm:else name="Name8"/>
      </dgm:choose>
      <dgm:layoutNode name="node" styleLbl="revTx">
        <dgm:varLst>
          <dgm:bulletEnabled val="1"/>
        </dgm:varLst>
        <dgm:alg type="tx">
          <dgm:param type="txAnchorVertCh" val="mid"/>
        </dgm:alg>
        <dgm:shape xmlns:r="http://schemas.openxmlformats.org/officeDocument/2006/relationships" type="rect" r:blip="">
          <dgm:adjLst/>
        </dgm:shape>
        <dgm:presOf axis="desOrSelf" ptType="node"/>
        <dgm:constrLst>
          <dgm:constr type="h" refType="w"/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  <dgm:choose name="Name9">
        <dgm:if name="Name10" axis="par ch" ptType="doc node" func="cnt" op="gt" val="1">
          <dgm:forEach name="Name11" axis="followSib" ptType="sibTrans" hideLastTrans="0" cnt="1">
            <dgm:layoutNode name="sibTrans" styleLbl="node1">
              <dgm:alg type="conn">
                <dgm:param type="connRout" val="curve"/>
                <dgm:param type="begPts" val="radial"/>
                <dgm:param type="endPts" val="radial"/>
              </dgm:alg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65"/>
                <dgm:constr type="begPad"/>
                <dgm:constr type="endPad"/>
              </dgm:constrLst>
              <dgm:ruleLst/>
            </dgm:layoutNode>
          </dgm:forEach>
        </dgm:if>
        <dgm:else name="Name12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92FEAD3-1BCA-4F77-8710-A29E17E51C0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6400" cy="4968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73774BA-A0E3-4435-AE75-63D7F9970CF8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49688" y="0"/>
            <a:ext cx="2946400" cy="4968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8C339CD-9002-4092-9DB6-666555FF467B}" type="datetimeFigureOut">
              <a:rPr lang="en-GB" smtClean="0"/>
              <a:t>11/05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F3A2CD7-BDCD-4ACE-9AEF-260E40C6E09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9429750"/>
            <a:ext cx="2946400" cy="49688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74E3085-A087-46D1-8BF9-CC958FADF80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49688" y="9429750"/>
            <a:ext cx="2946400" cy="49688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A322210-3A2C-451D-9C1F-B921C76029F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8571263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D72A38B-F9FA-4036-A084-652409E98F08}" type="datetimeFigureOut">
              <a:rPr lang="da-DK" smtClean="0"/>
              <a:t>11-05-2023</a:t>
            </a:fld>
            <a:endParaRPr lang="da-DK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90488" y="744538"/>
            <a:ext cx="6616700" cy="372268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9768" y="4715153"/>
            <a:ext cx="5438140" cy="4466987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styles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428583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50443" y="9428583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9436F85-577F-4A92-A47F-D540A2BCC821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83272591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Skriv i Chatte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10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2053741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1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45623106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1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9173601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63501574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*Den danske ordbo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4733141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3141965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noProof="0"/>
              <a:t>Denne seance handler om, at hvert team får så meget sparring så muligt – på lige præcis det, de har brug for sparring til. </a:t>
            </a:r>
          </a:p>
          <a:p>
            <a:endParaRPr lang="da-DK" noProof="0"/>
          </a:p>
          <a:p>
            <a:r>
              <a:rPr lang="da-DK" noProof="0"/>
              <a:t>Vi har taget fat I en metode, som vi efter hånden kender rigtig godt – og som vi ved, der virker. Men der er mange mennesker, der skal gøre det på samme tid – og mange teams for alle at have overblik over. Derfor får I, der er her i dag, lige en kort indflyvning til, hvad I har I vente på dagen.</a:t>
            </a:r>
          </a:p>
          <a:p>
            <a:r>
              <a:rPr lang="da-DK" noProof="0"/>
              <a:t>Vi har tilrettet øvelsen til seminaret og jer som målgruppe – hvor projekterne har samme omdrejningspunkt og derfor hurtigt at tune ind på problemstillingerne.</a:t>
            </a:r>
          </a:p>
          <a:p>
            <a:endParaRPr lang="da-DK" noProof="0"/>
          </a:p>
          <a:p>
            <a:endParaRPr lang="da-DK" noProof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9766032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Vi glæder os rigtig meget til at facilitere de her seancer. Vi står 6 konsulenter klar til at guide processen igennem. Vi forventer, det bliver sjovt og lærerigt for alle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6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692189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7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9704471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488" y="744538"/>
            <a:ext cx="6616700" cy="3722687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3501574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da-DK" smtClean="0"/>
              <a:t>9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4824148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emf"/><Relationship Id="rId5" Type="http://schemas.openxmlformats.org/officeDocument/2006/relationships/image" Target="../media/image4.emf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.emf"/><Relationship Id="rId4" Type="http://schemas.openxmlformats.org/officeDocument/2006/relationships/image" Target="../media/image11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.emf"/><Relationship Id="rId4" Type="http://schemas.openxmlformats.org/officeDocument/2006/relationships/image" Target="../media/image7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1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emf"/><Relationship Id="rId5" Type="http://schemas.openxmlformats.org/officeDocument/2006/relationships/image" Target="../media/image4.emf"/><Relationship Id="rId4" Type="http://schemas.openxmlformats.org/officeDocument/2006/relationships/image" Target="../media/image7.pn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1.xml"/><Relationship Id="rId5" Type="http://schemas.openxmlformats.org/officeDocument/2006/relationships/image" Target="../media/image1.emf"/><Relationship Id="rId4" Type="http://schemas.openxmlformats.org/officeDocument/2006/relationships/image" Target="../media/image3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2.xml"/><Relationship Id="rId4" Type="http://schemas.openxmlformats.org/officeDocument/2006/relationships/image" Target="../media/image17.png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rimaryColorFront" descr="{&quot;templafy&quot;:{&quot;id&quot;:&quot;543420a9-1ad1-4b14-829b-7e00e25b999a&quot;}}" title="image"/>
          <p:cNvSpPr/>
          <p:nvPr userDrawn="1"/>
        </p:nvSpPr>
        <p:spPr>
          <a:xfrm>
            <a:off x="0" y="-1"/>
            <a:ext cx="12192000" cy="6854825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11" name="SecondaryColorFront" descr="{&quot;templafy&quot;:{&quot;id&quot;:&quot;02087bff-b5c9-41e5-a0cb-02ced89a75c2&quot;}}" title="image"/>
          <p:cNvSpPr/>
          <p:nvPr userDrawn="1"/>
        </p:nvSpPr>
        <p:spPr>
          <a:xfrm>
            <a:off x="1" y="5476992"/>
            <a:ext cx="12192002" cy="1382400"/>
          </a:xfrm>
          <a:prstGeom prst="rect">
            <a:avLst/>
          </a:prstGeom>
          <a:solidFill>
            <a:srgbClr val="00283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16" name="Femte element"/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7991"/>
          <a:stretch/>
        </p:blipFill>
        <p:spPr>
          <a:xfrm>
            <a:off x="3021344" y="45958"/>
            <a:ext cx="8883323" cy="5380808"/>
          </a:xfrm>
          <a:prstGeom prst="rect">
            <a:avLst/>
          </a:prstGeom>
        </p:spPr>
      </p:pic>
      <p:pic>
        <p:nvPicPr>
          <p:cNvPr id="1298388311" name="image" descr="{&quot;templafy&quot;:{&quot;id&quot;:&quot;5fb7df43-4b3d-434f-83b9-26143edab38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5420189"/>
            <a:ext cx="12207600" cy="73163"/>
          </a:xfrm>
          <a:prstGeom prst="rect">
            <a:avLst/>
          </a:prstGeom>
        </p:spPr>
      </p:pic>
      <p:sp>
        <p:nvSpPr>
          <p:cNvPr id="2" name="Title"/>
          <p:cNvSpPr>
            <a:spLocks noGrp="1"/>
          </p:cNvSpPr>
          <p:nvPr>
            <p:ph type="ctrTitle" hasCustomPrompt="1"/>
          </p:nvPr>
        </p:nvSpPr>
        <p:spPr>
          <a:xfrm>
            <a:off x="765176" y="5822388"/>
            <a:ext cx="6408510" cy="665532"/>
          </a:xfrm>
        </p:spPr>
        <p:txBody>
          <a:bodyPr anchor="t" anchorCtr="0"/>
          <a:lstStyle>
            <a:lvl1pPr algn="l">
              <a:lnSpc>
                <a:spcPct val="110000"/>
              </a:lnSpc>
              <a:defRPr sz="1996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4" name="Date Placeholder 3" hidden="1"/>
          <p:cNvSpPr>
            <a:spLocks noGrp="1"/>
          </p:cNvSpPr>
          <p:nvPr>
            <p:ph type="dt" sz="half" idx="10"/>
          </p:nvPr>
        </p:nvSpPr>
        <p:spPr>
          <a:xfrm>
            <a:off x="760943" y="6489708"/>
            <a:ext cx="2820461" cy="365125"/>
          </a:xfrm>
        </p:spPr>
        <p:txBody>
          <a:bodyPr/>
          <a:lstStyle/>
          <a:p>
            <a:fld id="{54E0A626-36E7-4ACB-AE94-30B8AB1B2246}" type="datetimeFigureOut">
              <a:rPr lang="da-DK" smtClean="0"/>
              <a:t>11-05-2023</a:t>
            </a:fld>
            <a:endParaRPr lang="da-DK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4038600" y="6489708"/>
            <a:ext cx="4114800" cy="365125"/>
          </a:xfrm>
        </p:spPr>
        <p:txBody>
          <a:bodyPr/>
          <a:lstStyle/>
          <a:p>
            <a:endParaRPr lang="da-DK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8610600" y="6489708"/>
            <a:ext cx="2743200" cy="365125"/>
          </a:xfrm>
        </p:spPr>
        <p:txBody>
          <a:bodyPr/>
          <a:lstStyle/>
          <a:p>
            <a:fld id="{45D37B1E-C366-494F-A587-962AD9AABC83}" type="slidenum">
              <a:rPr lang="da-DK" smtClean="0"/>
              <a:t>‹nr.›</a:t>
            </a:fld>
            <a:endParaRPr lang="da-DK"/>
          </a:p>
        </p:txBody>
      </p:sp>
      <p:pic>
        <p:nvPicPr>
          <p:cNvPr id="14" name="(n) W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5179" y="571524"/>
            <a:ext cx="615927" cy="615927"/>
          </a:xfrm>
          <a:prstGeom prst="rect">
            <a:avLst/>
          </a:prstGeom>
        </p:spPr>
      </p:pic>
      <p:pic>
        <p:nvPicPr>
          <p:cNvPr id="131148307" name="LogoWhite" descr="{&quot;templafy&quot;:{&quot;id&quot;:&quot;370f4727-c011-4baa-bc5b-f6db4c7964b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84151" y="5807872"/>
            <a:ext cx="4777096" cy="720000"/>
          </a:xfrm>
          <a:prstGeom prst="rect">
            <a:avLst/>
          </a:prstGeom>
        </p:spPr>
      </p:pic>
      <p:pic>
        <p:nvPicPr>
          <p:cNvPr id="1320325893" name="LogoBlack" descr="{&quot;templafy&quot;:{&quot;id&quot;:&quot;33b9fb81-8298-437a-9a54-e3a486a2ae54&quot;}}" hidden="1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83070" y="5806522"/>
            <a:ext cx="4777096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233836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2 indhold -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 hasCustomPrompt="1"/>
          </p:nvPr>
        </p:nvSpPr>
        <p:spPr>
          <a:xfrm>
            <a:off x="765179" y="1638696"/>
            <a:ext cx="5148264" cy="482398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8" name="Pladsholder til indhold 3"/>
          <p:cNvSpPr>
            <a:spLocks noGrp="1"/>
          </p:cNvSpPr>
          <p:nvPr>
            <p:ph sz="quarter" idx="13" hasCustomPrompt="1"/>
          </p:nvPr>
        </p:nvSpPr>
        <p:spPr>
          <a:xfrm>
            <a:off x="6269038" y="1638300"/>
            <a:ext cx="5148788" cy="482439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" name="(n)B">
            <a:extLst>
              <a:ext uri="{FF2B5EF4-FFF2-40B4-BE49-F238E27FC236}">
                <a16:creationId xmlns:a16="http://schemas.microsoft.com/office/drawing/2014/main" id="{2DB8F821-248F-4E85-ACE0-543106B5E69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551628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tekst - 1/2 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rimaryColor"/>
          <p:cNvSpPr/>
          <p:nvPr userDrawn="1"/>
        </p:nvSpPr>
        <p:spPr>
          <a:xfrm>
            <a:off x="3" y="0"/>
            <a:ext cx="6019035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rgbClr val="54687C"/>
              </a:solidFill>
            </a:endParaRP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5152499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6" name="Text"/>
          <p:cNvSpPr>
            <a:spLocks noGrp="1"/>
          </p:cNvSpPr>
          <p:nvPr>
            <p:ph type="body" sz="quarter" idx="14" hasCustomPrompt="1"/>
          </p:nvPr>
        </p:nvSpPr>
        <p:spPr>
          <a:xfrm>
            <a:off x="765178" y="1638300"/>
            <a:ext cx="4797425" cy="482439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2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5981700" y="0"/>
            <a:ext cx="6210299" cy="6800400"/>
          </a:xfrm>
          <a:noFill/>
        </p:spPr>
        <p:txBody>
          <a:bodyPr tIns="72000" anchor="t" anchorCtr="0"/>
          <a:lstStyle>
            <a:lvl1pPr marL="0" indent="0" algn="ctr">
              <a:buNone/>
              <a:defRPr sz="1398">
                <a:solidFill>
                  <a:schemeClr val="tx1"/>
                </a:solidFill>
              </a:defRPr>
            </a:lvl1pPr>
          </a:lstStyle>
          <a:p>
            <a:pPr marL="0" marR="0" lvl="0" indent="0" algn="ctr" defTabSz="912572" rtl="0" eaLnBrk="1" fontAlgn="auto" latinLnBrk="0" hangingPunct="1">
              <a:lnSpc>
                <a:spcPct val="100000"/>
              </a:lnSpc>
              <a:spcBef>
                <a:spcPts val="1098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</p:txBody>
      </p:sp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9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050771760" name="image" descr="{&quot;templafy&quot;:{&quot;id&quot;:&quot;0968a8c4-69ea-4514-937d-12bc1fae801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849549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tekst - 1/2 billede - hv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5152499" cy="1001762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6" name="Text"/>
          <p:cNvSpPr>
            <a:spLocks noGrp="1"/>
          </p:cNvSpPr>
          <p:nvPr>
            <p:ph type="body" sz="quarter" idx="14" hasCustomPrompt="1"/>
          </p:nvPr>
        </p:nvSpPr>
        <p:spPr>
          <a:xfrm>
            <a:off x="765178" y="1638300"/>
            <a:ext cx="4797425" cy="482439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2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5981700" y="0"/>
            <a:ext cx="6210299" cy="6800400"/>
          </a:xfrm>
          <a:noFill/>
        </p:spPr>
        <p:txBody>
          <a:bodyPr tIns="72000" anchor="t" anchorCtr="0"/>
          <a:lstStyle>
            <a:lvl1pPr marL="0" indent="0" algn="ctr">
              <a:buNone/>
              <a:defRPr sz="1398">
                <a:solidFill>
                  <a:schemeClr val="tx1"/>
                </a:solidFill>
              </a:defRPr>
            </a:lvl1pPr>
          </a:lstStyle>
          <a:p>
            <a:pPr marL="0" marR="0" lvl="0" indent="0" algn="ctr" defTabSz="912572" rtl="0" eaLnBrk="1" fontAlgn="auto" latinLnBrk="0" hangingPunct="1">
              <a:lnSpc>
                <a:spcPct val="100000"/>
              </a:lnSpc>
              <a:spcBef>
                <a:spcPts val="1098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  <a:p>
            <a:endParaRPr lang="da-DK"/>
          </a:p>
        </p:txBody>
      </p:sp>
      <p:pic>
        <p:nvPicPr>
          <p:cNvPr id="11" name="(n)B">
            <a:extLst>
              <a:ext uri="{FF2B5EF4-FFF2-40B4-BE49-F238E27FC236}">
                <a16:creationId xmlns:a16="http://schemas.microsoft.com/office/drawing/2014/main" id="{FE916349-C5CD-4DC7-806A-A7F0B45A8E7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sp>
        <p:nvSpPr>
          <p:cNvPr id="13" name="Date Placeholder 3">
            <a:extLst>
              <a:ext uri="{FF2B5EF4-FFF2-40B4-BE49-F238E27FC236}">
                <a16:creationId xmlns:a16="http://schemas.microsoft.com/office/drawing/2014/main" id="{EE7EC802-17F8-471B-90E8-0DE353F36F5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60943" y="6462704"/>
            <a:ext cx="2820461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F64E5711-660C-440B-8C2E-A9DB23720B8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462704"/>
            <a:ext cx="41148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E6E38698-135F-4896-B003-E7C8BDF4A0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462704"/>
            <a:ext cx="28067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918224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tekst - bomærk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econd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283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6" name="PrimaryColor"/>
          <p:cNvSpPr/>
          <p:nvPr userDrawn="1"/>
        </p:nvSpPr>
        <p:spPr>
          <a:xfrm>
            <a:off x="4" y="0"/>
            <a:ext cx="6019035" cy="68004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5152499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6" name="Text"/>
          <p:cNvSpPr>
            <a:spLocks noGrp="1"/>
          </p:cNvSpPr>
          <p:nvPr>
            <p:ph type="body" sz="quarter" idx="14" hasCustomPrompt="1"/>
          </p:nvPr>
        </p:nvSpPr>
        <p:spPr>
          <a:xfrm>
            <a:off x="765178" y="1638300"/>
            <a:ext cx="4797425" cy="482439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1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2" name="Picture 5" hidden="1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15204" y="1389427"/>
            <a:ext cx="3827150" cy="3827150"/>
          </a:xfrm>
          <a:prstGeom prst="rect">
            <a:avLst/>
          </a:prstGeom>
        </p:spPr>
      </p:pic>
      <p:sp>
        <p:nvSpPr>
          <p:cNvPr id="15" name="LogoN"/>
          <p:cNvSpPr/>
          <p:nvPr userDrawn="1"/>
        </p:nvSpPr>
        <p:spPr>
          <a:xfrm>
            <a:off x="7236000" y="1357200"/>
            <a:ext cx="3906000" cy="3906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7" name="LogoN_bmkArt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36000" y="1357200"/>
            <a:ext cx="3906000" cy="3906000"/>
          </a:xfrm>
          <a:prstGeom prst="rect">
            <a:avLst/>
          </a:prstGeom>
        </p:spPr>
      </p:pic>
      <p:pic>
        <p:nvPicPr>
          <p:cNvPr id="1229222445" name="image" descr="{&quot;templafy&quot;:{&quot;id&quot;:&quot;c192931e-cf4e-4453-b367-c2147c99867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87018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tekst - bomærke - hv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SecondaryColor"/>
          <p:cNvSpPr/>
          <p:nvPr userDrawn="1"/>
        </p:nvSpPr>
        <p:spPr>
          <a:xfrm>
            <a:off x="6019034" y="0"/>
            <a:ext cx="6172966" cy="6858000"/>
          </a:xfrm>
          <a:prstGeom prst="rect">
            <a:avLst/>
          </a:prstGeom>
          <a:solidFill>
            <a:srgbClr val="00283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5152499" cy="1001762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6" name="Text"/>
          <p:cNvSpPr>
            <a:spLocks noGrp="1"/>
          </p:cNvSpPr>
          <p:nvPr>
            <p:ph type="body" sz="quarter" idx="14" hasCustomPrompt="1"/>
          </p:nvPr>
        </p:nvSpPr>
        <p:spPr>
          <a:xfrm>
            <a:off x="765178" y="1638300"/>
            <a:ext cx="4797425" cy="4824396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pic>
        <p:nvPicPr>
          <p:cNvPr id="12" name="Picture 5" hidden="1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15204" y="1389427"/>
            <a:ext cx="3827150" cy="3827150"/>
          </a:xfrm>
          <a:prstGeom prst="rect">
            <a:avLst/>
          </a:prstGeom>
        </p:spPr>
      </p:pic>
      <p:sp>
        <p:nvSpPr>
          <p:cNvPr id="15" name="LogoN"/>
          <p:cNvSpPr/>
          <p:nvPr userDrawn="1"/>
        </p:nvSpPr>
        <p:spPr>
          <a:xfrm>
            <a:off x="7236000" y="1357200"/>
            <a:ext cx="3906000" cy="3906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7" name="LogoN_bmkArt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36000" y="1357200"/>
            <a:ext cx="3906000" cy="3906000"/>
          </a:xfrm>
          <a:prstGeom prst="rect">
            <a:avLst/>
          </a:prstGeom>
        </p:spPr>
      </p:pic>
      <p:sp>
        <p:nvSpPr>
          <p:cNvPr id="23" name="Date Placeholder 3">
            <a:extLst>
              <a:ext uri="{FF2B5EF4-FFF2-40B4-BE49-F238E27FC236}">
                <a16:creationId xmlns:a16="http://schemas.microsoft.com/office/drawing/2014/main" id="{EBB6BB86-86FF-4177-97EB-450A1405C6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60943" y="6462704"/>
            <a:ext cx="2820461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24" name="Footer Placeholder 4">
            <a:extLst>
              <a:ext uri="{FF2B5EF4-FFF2-40B4-BE49-F238E27FC236}">
                <a16:creationId xmlns:a16="http://schemas.microsoft.com/office/drawing/2014/main" id="{0AE1B3A9-79E4-4E90-B0EB-CB9447F77D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462704"/>
            <a:ext cx="41148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25" name="Slide Number Placeholder 5">
            <a:extLst>
              <a:ext uri="{FF2B5EF4-FFF2-40B4-BE49-F238E27FC236}">
                <a16:creationId xmlns:a16="http://schemas.microsoft.com/office/drawing/2014/main" id="{6B04071E-B144-4F0B-A9A5-04054F31D52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462704"/>
            <a:ext cx="28067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6" name="(n)B">
            <a:extLst>
              <a:ext uri="{FF2B5EF4-FFF2-40B4-BE49-F238E27FC236}">
                <a16:creationId xmlns:a16="http://schemas.microsoft.com/office/drawing/2014/main" id="{78E13A9E-53C5-45CB-980A-B1CF958F611D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493756914" name="image" descr="{&quot;templafy&quot;:{&quot;id&quot;:&quot;33fd64bc-d790-4213-826b-971113abffc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623089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sfors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39" y="1357200"/>
            <a:ext cx="10656362" cy="1911600"/>
          </a:xfrm>
        </p:spPr>
        <p:txBody>
          <a:bodyPr/>
          <a:lstStyle>
            <a:lvl1pPr>
              <a:defRPr sz="6586" spc="598" baseline="0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3" name="Text"/>
          <p:cNvSpPr>
            <a:spLocks noGrp="1"/>
          </p:cNvSpPr>
          <p:nvPr>
            <p:ph sz="quarter" idx="13" hasCustomPrompt="1"/>
          </p:nvPr>
        </p:nvSpPr>
        <p:spPr>
          <a:xfrm>
            <a:off x="765176" y="3560400"/>
            <a:ext cx="10652124" cy="2736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5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577514878" name="image" descr="{&quot;templafy&quot;:{&quot;id&quot;:&quot;db44e592-bedb-42c4-9ff2-780a953ad02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1492392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sforside - billede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ladsholder til billede 3"/>
          <p:cNvSpPr>
            <a:spLocks noGrp="1"/>
          </p:cNvSpPr>
          <p:nvPr>
            <p:ph type="pic" sz="quarter" idx="14" hasCustomPrompt="1"/>
          </p:nvPr>
        </p:nvSpPr>
        <p:spPr>
          <a:xfrm>
            <a:off x="4" y="0"/>
            <a:ext cx="12191999" cy="6800400"/>
          </a:xfrm>
          <a:solidFill>
            <a:srgbClr val="FFFFFF"/>
          </a:solidFill>
        </p:spPr>
        <p:txBody>
          <a:bodyPr lIns="0" tIns="72000" rIns="0" anchor="t" anchorCtr="0"/>
          <a:lstStyle>
            <a:lvl1pPr marL="0" indent="0" algn="ctr">
              <a:buNone/>
              <a:defRPr sz="1796" baseline="0"/>
            </a:lvl1pPr>
          </a:lstStyle>
          <a:p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760939" y="1357320"/>
            <a:ext cx="10656362" cy="1910143"/>
          </a:xfrm>
        </p:spPr>
        <p:txBody>
          <a:bodyPr/>
          <a:lstStyle>
            <a:lvl1pPr>
              <a:defRPr sz="6586" spc="598" baseline="0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765176" y="3560064"/>
            <a:ext cx="10652124" cy="2734374"/>
          </a:xfrm>
        </p:spPr>
        <p:txBody>
          <a:bodyPr/>
          <a:lstStyle/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54E0A626-36E7-4ACB-AE94-30B8AB1B2246}" type="datetimeFigureOut">
              <a:rPr lang="da-DK" smtClean="0"/>
              <a:t>11-05-2023</a:t>
            </a:fld>
            <a:endParaRPr lang="da-DK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t>‹nr.›</a:t>
            </a:fld>
            <a:endParaRPr lang="da-DK"/>
          </a:p>
        </p:txBody>
      </p:sp>
      <p:sp>
        <p:nvSpPr>
          <p:cNvPr id="14" name="(n)W"/>
          <p:cNvSpPr>
            <a:spLocks noGrp="1"/>
          </p:cNvSpPr>
          <p:nvPr>
            <p:ph type="body" sz="quarter" idx="15" hasCustomPrompt="1"/>
          </p:nvPr>
        </p:nvSpPr>
        <p:spPr>
          <a:xfrm>
            <a:off x="151204" y="150990"/>
            <a:ext cx="615600" cy="615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>
              <a:buFontTx/>
              <a:buNone/>
              <a:defRPr sz="100"/>
            </a:lvl1pPr>
          </a:lstStyle>
          <a:p>
            <a:pPr lvl="0"/>
            <a:r>
              <a:rPr lang="da-DK"/>
              <a:t>.</a:t>
            </a:r>
          </a:p>
        </p:txBody>
      </p:sp>
      <p:pic>
        <p:nvPicPr>
          <p:cNvPr id="6" name="(n)B">
            <a:extLst>
              <a:ext uri="{FF2B5EF4-FFF2-40B4-BE49-F238E27FC236}">
                <a16:creationId xmlns:a16="http://schemas.microsoft.com/office/drawing/2014/main" id="{DE7ED8D0-6C4B-4E12-BCA7-148D5740A16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624742533" name="image" descr="{&quot;templafy&quot;:{&quot;id&quot;:&quot;7f399854-a3dd-441c-ba4d-fb0a8267518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08348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Afsnitsforside - femte elem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34" name="Billede 33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47846" y="1155802"/>
            <a:ext cx="5746539" cy="5394127"/>
          </a:xfrm>
          <a:prstGeom prst="rect">
            <a:avLst/>
          </a:prstGeom>
        </p:spPr>
      </p:pic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55606" y="1659460"/>
            <a:ext cx="7416000" cy="2168975"/>
          </a:xfrm>
        </p:spPr>
        <p:txBody>
          <a:bodyPr anchor="b"/>
          <a:lstStyle>
            <a:lvl1pPr>
              <a:defRPr sz="4492" spc="450" baseline="0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Text"/>
          <p:cNvSpPr>
            <a:spLocks noGrp="1"/>
          </p:cNvSpPr>
          <p:nvPr>
            <p:ph type="body" idx="1" hasCustomPrompt="1"/>
          </p:nvPr>
        </p:nvSpPr>
        <p:spPr>
          <a:xfrm>
            <a:off x="765174" y="3831570"/>
            <a:ext cx="7416000" cy="1202158"/>
          </a:xfrm>
        </p:spPr>
        <p:txBody>
          <a:bodyPr/>
          <a:lstStyle>
            <a:lvl1pPr marL="0" indent="0">
              <a:buNone/>
              <a:defRPr sz="2396" i="1" spc="200" baseline="0">
                <a:solidFill>
                  <a:schemeClr val="bg1"/>
                </a:solidFill>
              </a:defRPr>
            </a:lvl1pPr>
            <a:lvl2pPr marL="456286" indent="0">
              <a:buNone/>
              <a:defRPr sz="1996">
                <a:solidFill>
                  <a:schemeClr val="tx1">
                    <a:tint val="75000"/>
                  </a:schemeClr>
                </a:solidFill>
              </a:defRPr>
            </a:lvl2pPr>
            <a:lvl3pPr marL="912572" indent="0">
              <a:buNone/>
              <a:defRPr sz="1796">
                <a:solidFill>
                  <a:schemeClr val="tx1">
                    <a:tint val="75000"/>
                  </a:schemeClr>
                </a:solidFill>
              </a:defRPr>
            </a:lvl3pPr>
            <a:lvl4pPr marL="1368856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4pPr>
            <a:lvl5pPr marL="1825142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5pPr>
            <a:lvl6pPr marL="2281428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6pPr>
            <a:lvl7pPr marL="2737714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7pPr>
            <a:lvl8pPr marL="3194000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8pPr>
            <a:lvl9pPr marL="3650285" indent="0">
              <a:buNone/>
              <a:defRPr sz="1596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a-DK"/>
              <a:t>Klik for at tilføje tekst</a:t>
            </a:r>
          </a:p>
        </p:txBody>
      </p:sp>
      <p:sp>
        <p:nvSpPr>
          <p:cNvPr id="4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5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35" name="(n)W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686283335" name="image" descr="{&quot;templafy&quot;:{&quot;id&quot;:&quot;0a23436e-f01f-4cee-9a33-c1c39cd8a34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41948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 - femte elem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34" name="Billede 33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05417" y="75272"/>
            <a:ext cx="6991093" cy="4940118"/>
          </a:xfrm>
          <a:prstGeom prst="rect">
            <a:avLst/>
          </a:prstGeom>
        </p:spPr>
      </p:pic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43" y="3345937"/>
            <a:ext cx="5508099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8" name="Text"/>
          <p:cNvSpPr>
            <a:spLocks noGrp="1"/>
          </p:cNvSpPr>
          <p:nvPr>
            <p:ph type="body" sz="quarter" idx="13" hasCustomPrompt="1"/>
          </p:nvPr>
        </p:nvSpPr>
        <p:spPr>
          <a:xfrm>
            <a:off x="1989830" y="4550252"/>
            <a:ext cx="9428000" cy="1912444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i="1" spc="200" baseline="0">
                <a:solidFill>
                  <a:schemeClr val="bg1"/>
                </a:solidFill>
              </a:defRPr>
            </a:lvl1pPr>
            <a:lvl2pPr marL="186826" indent="-186826">
              <a:defRPr sz="1796">
                <a:solidFill>
                  <a:schemeClr val="bg1"/>
                </a:solidFill>
              </a:defRPr>
            </a:lvl2pPr>
            <a:lvl3pPr marL="366466" indent="-179639">
              <a:defRPr sz="1796"/>
            </a:lvl3pPr>
            <a:lvl4pPr marL="538920" indent="-172454">
              <a:defRPr sz="1596"/>
            </a:lvl4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35" name="(n)W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553850445" name="image" descr="{&quot;templafy&quot;:{&quot;id&quot;:&quot;76b48551-bbcd-42b0-aa32-710d27c3362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2957818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19" name="Billede 18"/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792" b="7163"/>
          <a:stretch/>
        </p:blipFill>
        <p:spPr>
          <a:xfrm>
            <a:off x="6880143" y="2199417"/>
            <a:ext cx="5305995" cy="4595091"/>
          </a:xfrm>
          <a:prstGeom prst="rect">
            <a:avLst/>
          </a:prstGeom>
        </p:spPr>
      </p:pic>
      <p:sp>
        <p:nvSpPr>
          <p:cNvPr id="6" name="Title"/>
          <p:cNvSpPr>
            <a:spLocks noGrp="1"/>
          </p:cNvSpPr>
          <p:nvPr>
            <p:ph type="title" hasCustomPrompt="1"/>
          </p:nvPr>
        </p:nvSpPr>
        <p:spPr>
          <a:xfrm>
            <a:off x="759600" y="3344400"/>
            <a:ext cx="5508000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11" name="Text"/>
          <p:cNvSpPr>
            <a:spLocks noGrp="1"/>
          </p:cNvSpPr>
          <p:nvPr>
            <p:ph type="body" sz="quarter" idx="13" hasCustomPrompt="1"/>
          </p:nvPr>
        </p:nvSpPr>
        <p:spPr>
          <a:xfrm>
            <a:off x="1989830" y="4550252"/>
            <a:ext cx="9428000" cy="1912444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i="1" spc="200" baseline="0">
                <a:solidFill>
                  <a:schemeClr val="bg1"/>
                </a:solidFill>
              </a:defRPr>
            </a:lvl1pPr>
            <a:lvl2pPr marL="186826" indent="-186826">
              <a:defRPr sz="1796">
                <a:solidFill>
                  <a:schemeClr val="bg1"/>
                </a:solidFill>
              </a:defRPr>
            </a:lvl2pPr>
            <a:lvl3pPr marL="366466" indent="-179639">
              <a:defRPr sz="1796"/>
            </a:lvl3pPr>
            <a:lvl4pPr marL="538920" indent="-172454">
              <a:defRPr sz="1596"/>
            </a:lvl4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2" name="(n)W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315080842" name="image" descr="{&quot;templafy&quot;:{&quot;id&quot;:&quot;ed005c5f-0359-4f85-8e78-73a3daf68a3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624948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- hv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econdaryColorFront" descr="{&quot;templafy&quot;:{&quot;id&quot;:&quot;5547c1e0-57aa-4c04-aa6b-f1dac0b6ec72&quot;}}" title="image">
            <a:extLst>
              <a:ext uri="{FF2B5EF4-FFF2-40B4-BE49-F238E27FC236}">
                <a16:creationId xmlns:a16="http://schemas.microsoft.com/office/drawing/2014/main" id="{89396F77-1AC7-A3FB-4988-588C4ED67001}"/>
              </a:ext>
            </a:extLst>
          </p:cNvPr>
          <p:cNvSpPr/>
          <p:nvPr userDrawn="1"/>
        </p:nvSpPr>
        <p:spPr>
          <a:xfrm>
            <a:off x="1" y="5476992"/>
            <a:ext cx="12192002" cy="1382400"/>
          </a:xfrm>
          <a:prstGeom prst="rect">
            <a:avLst/>
          </a:prstGeom>
          <a:solidFill>
            <a:srgbClr val="00283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10" name="Femte element">
            <a:extLst>
              <a:ext uri="{FF2B5EF4-FFF2-40B4-BE49-F238E27FC236}">
                <a16:creationId xmlns:a16="http://schemas.microsoft.com/office/drawing/2014/main" id="{F573617D-68F7-A0C0-E706-CDACC66B8A9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9" r="189"/>
          <a:stretch/>
        </p:blipFill>
        <p:spPr>
          <a:xfrm>
            <a:off x="3021344" y="45958"/>
            <a:ext cx="8883323" cy="5380808"/>
          </a:xfrm>
          <a:prstGeom prst="rect">
            <a:avLst/>
          </a:prstGeom>
        </p:spPr>
      </p:pic>
      <p:pic>
        <p:nvPicPr>
          <p:cNvPr id="994658479" name="image" descr="{&quot;templafy&quot;:{&quot;id&quot;:&quot;cb81fb47-08a7-47bf-bb4e-9924747e14c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5420189"/>
            <a:ext cx="12207600" cy="73163"/>
          </a:xfrm>
          <a:prstGeom prst="rect">
            <a:avLst/>
          </a:prstGeom>
        </p:spPr>
      </p:pic>
      <p:sp>
        <p:nvSpPr>
          <p:cNvPr id="12" name="Title">
            <a:extLst>
              <a:ext uri="{FF2B5EF4-FFF2-40B4-BE49-F238E27FC236}">
                <a16:creationId xmlns:a16="http://schemas.microsoft.com/office/drawing/2014/main" id="{DCCA4AC7-B32D-3ED7-CE63-A8B45E273AA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65176" y="5822388"/>
            <a:ext cx="6408510" cy="665532"/>
          </a:xfrm>
        </p:spPr>
        <p:txBody>
          <a:bodyPr anchor="t" anchorCtr="0"/>
          <a:lstStyle>
            <a:lvl1pPr algn="l">
              <a:lnSpc>
                <a:spcPct val="110000"/>
              </a:lnSpc>
              <a:defRPr sz="1996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4" name="Date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6" name="SlideNumber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8" name="(n)B">
            <a:extLst>
              <a:ext uri="{FF2B5EF4-FFF2-40B4-BE49-F238E27FC236}">
                <a16:creationId xmlns:a16="http://schemas.microsoft.com/office/drawing/2014/main" id="{ED486933-A42E-5A6C-337D-C2A4AFFB291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6804" y="572400"/>
            <a:ext cx="615927" cy="615927"/>
          </a:xfrm>
          <a:prstGeom prst="rect">
            <a:avLst/>
          </a:prstGeom>
        </p:spPr>
      </p:pic>
      <p:pic>
        <p:nvPicPr>
          <p:cNvPr id="1986750451" name="LogoWhite" descr="{&quot;templafy&quot;:{&quot;id&quot;:&quot;e91d6c42-1fb1-45b2-a350-e28bd9833a6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84151" y="5807872"/>
            <a:ext cx="4777096" cy="720000"/>
          </a:xfrm>
          <a:prstGeom prst="rect">
            <a:avLst/>
          </a:prstGeom>
        </p:spPr>
      </p:pic>
      <p:pic>
        <p:nvPicPr>
          <p:cNvPr id="309203495" name="LogoBlack" descr="{&quot;templafy&quot;:{&quot;id&quot;:&quot;6f92a487-d013-4a49-85ab-37a21663cfd0&quot;}}" hidden="1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083070" y="5806522"/>
            <a:ext cx="4777096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13976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or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vid baggrund"/>
          <p:cNvSpPr/>
          <p:nvPr userDrawn="1"/>
        </p:nvSpPr>
        <p:spPr>
          <a:xfrm>
            <a:off x="0" y="0"/>
            <a:ext cx="12192000" cy="68004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/>
          </a:p>
        </p:txBody>
      </p:sp>
      <p:sp>
        <p:nvSpPr>
          <p:cNvPr id="7" name="Pladsholder til dato 6" hidden="1"/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8" name="Pladsholder til sidefod 7" hidden="1"/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9" name="Pladsholder til slidenummer 8" hidden="1"/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1" name="Pladsholder til billede 1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00400"/>
          </a:xfrm>
          <a:noFill/>
        </p:spPr>
        <p:txBody>
          <a:bodyPr tIns="72000" anchor="t" anchorCtr="0"/>
          <a:lstStyle>
            <a:lvl1pPr marL="0" indent="0" algn="ctr">
              <a:buNone/>
              <a:defRPr sz="1796" baseline="0">
                <a:solidFill>
                  <a:schemeClr val="tx1"/>
                </a:solidFill>
              </a:defRPr>
            </a:lvl1pPr>
          </a:lstStyle>
          <a:p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</p:txBody>
      </p:sp>
      <p:sp>
        <p:nvSpPr>
          <p:cNvPr id="20" name="(n)W"/>
          <p:cNvSpPr>
            <a:spLocks noGrp="1"/>
          </p:cNvSpPr>
          <p:nvPr>
            <p:ph type="body" sz="quarter" idx="15" hasCustomPrompt="1"/>
          </p:nvPr>
        </p:nvSpPr>
        <p:spPr>
          <a:xfrm>
            <a:off x="151204" y="150990"/>
            <a:ext cx="615600" cy="615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>
              <a:buFontTx/>
              <a:buNone/>
              <a:defRPr sz="100"/>
            </a:lvl1pPr>
          </a:lstStyle>
          <a:p>
            <a:pPr lvl="0"/>
            <a:r>
              <a:rPr lang="da-DK"/>
              <a:t>.</a:t>
            </a:r>
          </a:p>
        </p:txBody>
      </p:sp>
      <p:pic>
        <p:nvPicPr>
          <p:cNvPr id="3" name="(n)B">
            <a:extLst>
              <a:ext uri="{FF2B5EF4-FFF2-40B4-BE49-F238E27FC236}">
                <a16:creationId xmlns:a16="http://schemas.microsoft.com/office/drawing/2014/main" id="{13D0E5F3-433D-431F-966C-FF6565EBC80B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487564523" name="image" descr="{&quot;templafy&quot;:{&quot;id&quot;:&quot;9f17480b-83fc-44b5-88b7-28f88452f9a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397681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lutning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39" name="Billede 38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31096" y="-6435"/>
            <a:ext cx="5165535" cy="4355940"/>
          </a:xfrm>
          <a:prstGeom prst="rect">
            <a:avLst/>
          </a:prstGeom>
        </p:spPr>
      </p:pic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40" name="(n)W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sp>
        <p:nvSpPr>
          <p:cNvPr id="26" name="text" descr="{&quot;templafy&quot;:{&quot;id&quot;:&quot;79d72e5e-2160-44b3-9ce6-4809b617e721&quot;}}" title="UserProfile.DirectPhone"/>
          <p:cNvSpPr/>
          <p:nvPr userDrawn="1"/>
        </p:nvSpPr>
        <p:spPr>
          <a:xfrm>
            <a:off x="757647" y="54864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396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607ac630-c9e8-41c2-9e9d-71de273dfa14&quot;}}" title="UserProfile.Email"/>
          <p:cNvSpPr/>
          <p:nvPr userDrawn="1"/>
        </p:nvSpPr>
        <p:spPr>
          <a:xfrm>
            <a:off x="765175" y="49968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bg1"/>
                </a:solidFill>
              </a:rPr>
              <a:t>f.lejsgaard@rn.dk</a:t>
            </a:r>
          </a:p>
        </p:txBody>
      </p:sp>
      <p:sp>
        <p:nvSpPr>
          <p:cNvPr id="32" name="text" descr="{&quot;templafy&quot;:{&quot;id&quot;:&quot;28386e4d-92a4-46fe-acd6-bb7ba696916d&quot;}}" title="UserProfile.DepartmentFreeText"/>
          <p:cNvSpPr/>
          <p:nvPr userDrawn="1"/>
        </p:nvSpPr>
        <p:spPr>
          <a:xfrm>
            <a:off x="765175" y="45036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bg1"/>
                </a:solidFill>
              </a:rPr>
              <a:t>Mennesker og Organisation</a:t>
            </a:r>
          </a:p>
        </p:txBody>
      </p:sp>
      <p:sp>
        <p:nvSpPr>
          <p:cNvPr id="35" name="text" descr="{&quot;templafy&quot;:{&quot;id&quot;:&quot;275043f5-3b5a-410f-bf03-ba0521113883&quot;}}" title="UserProfile.Clinic"/>
          <p:cNvSpPr/>
          <p:nvPr userDrawn="1"/>
        </p:nvSpPr>
        <p:spPr>
          <a:xfrm>
            <a:off x="765175" y="40140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396">
              <a:solidFill>
                <a:schemeClr val="bg1"/>
              </a:solidFill>
            </a:endParaRPr>
          </a:p>
        </p:txBody>
      </p:sp>
      <p:sp>
        <p:nvSpPr>
          <p:cNvPr id="37" name="text" descr="{&quot;templafy&quot;:{&quot;id&quot;:&quot;3fcfcb11-549e-468a-899b-c0fcd8e2aad0&quot;}}" title="UserProfile.Department.Institution"/>
          <p:cNvSpPr/>
          <p:nvPr userDrawn="1"/>
        </p:nvSpPr>
        <p:spPr>
          <a:xfrm>
            <a:off x="765175" y="3521468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bg1"/>
                </a:solidFill>
              </a:rPr>
              <a:t>Region Nordjylland</a:t>
            </a:r>
          </a:p>
        </p:txBody>
      </p:sp>
      <p:sp>
        <p:nvSpPr>
          <p:cNvPr id="25" name="SD_VAR_HEADER"/>
          <p:cNvSpPr/>
          <p:nvPr userDrawn="1">
            <p:custDataLst>
              <p:tags r:id="rId1"/>
            </p:custDataLst>
          </p:nvPr>
        </p:nvSpPr>
        <p:spPr>
          <a:xfrm>
            <a:off x="765175" y="3444475"/>
            <a:ext cx="10660180" cy="27731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>
              <a:lnSpc>
                <a:spcPct val="135000"/>
              </a:lnSpc>
              <a:spcAft>
                <a:spcPts val="0"/>
              </a:spcAft>
            </a:pPr>
            <a:endParaRPr lang="da-DK" sz="2396">
              <a:solidFill>
                <a:schemeClr val="bg1"/>
              </a:solidFill>
            </a:endParaRPr>
          </a:p>
        </p:txBody>
      </p:sp>
      <p:sp>
        <p:nvSpPr>
          <p:cNvPr id="42" name="text" descr="{&quot;templafy&quot;:{&quot;id&quot;:&quot;bbb8c90c-9cf8-40eb-834b-a3bfeb5c069b&quot;}}" title="UserProfile.Name"/>
          <p:cNvSpPr/>
          <p:nvPr userDrawn="1"/>
        </p:nvSpPr>
        <p:spPr>
          <a:xfrm>
            <a:off x="765175" y="2660478"/>
            <a:ext cx="10660180" cy="7510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rmAutofit/>
          </a:bodyPr>
          <a:lstStyle/>
          <a:p>
            <a:pPr algn="l"/>
            <a:r>
              <a:rPr lang="da-DK" sz="3592" b="1" cap="all" spc="501" baseline="0">
                <a:solidFill>
                  <a:schemeClr val="bg1"/>
                </a:solidFill>
              </a:rPr>
              <a:t>Freja Kathrine Lejsgaard</a:t>
            </a:r>
          </a:p>
        </p:txBody>
      </p:sp>
      <p:sp>
        <p:nvSpPr>
          <p:cNvPr id="41" name="text" descr="{&quot;templafy&quot;:{&quot;id&quot;:&quot;504576fc-d3eb-454f-a5c2-f0ec599a5837&quot;}}" title="UserProfile.Title"/>
          <p:cNvSpPr/>
          <p:nvPr userDrawn="1"/>
        </p:nvSpPr>
        <p:spPr>
          <a:xfrm>
            <a:off x="765175" y="2218761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bg1"/>
                </a:solidFill>
              </a:rPr>
              <a:t>Forbedringskonsulent</a:t>
            </a:r>
          </a:p>
        </p:txBody>
      </p:sp>
      <p:sp>
        <p:nvSpPr>
          <p:cNvPr id="18" name="text" descr="{&quot;templafy&quot;:{&quot;id&quot;:&quot;20d99e8e-185f-4037-9c50-b3fc35fdb79b&quot;}}" title="Translations.Takforidag">
            <a:extLst>
              <a:ext uri="{FF2B5EF4-FFF2-40B4-BE49-F238E27FC236}">
                <a16:creationId xmlns:a16="http://schemas.microsoft.com/office/drawing/2014/main" id="{0B13E7F8-E1F3-486D-986B-9E5D2D3D0502}"/>
              </a:ext>
            </a:extLst>
          </p:cNvPr>
          <p:cNvSpPr/>
          <p:nvPr userDrawn="1"/>
        </p:nvSpPr>
        <p:spPr>
          <a:xfrm>
            <a:off x="760544" y="355600"/>
            <a:ext cx="5973992" cy="100533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lnSpc>
                <a:spcPct val="90000"/>
              </a:lnSpc>
            </a:pPr>
            <a:r>
              <a:rPr lang="da-DK" sz="1996" b="1" cap="all" spc="200" baseline="0">
                <a:solidFill>
                  <a:schemeClr val="bg1"/>
                </a:solidFill>
              </a:rPr>
              <a:t>Tak for i dag</a:t>
            </a:r>
          </a:p>
        </p:txBody>
      </p:sp>
      <p:pic>
        <p:nvPicPr>
          <p:cNvPr id="1060099737" name="image" descr="{&quot;templafy&quot;:{&quot;id&quot;:&quot;7d8b2900-2059-455f-a503-df790f2f4b3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85311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lutning - hvid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Date">
            <a:extLst>
              <a:ext uri="{FF2B5EF4-FFF2-40B4-BE49-F238E27FC236}">
                <a16:creationId xmlns:a16="http://schemas.microsoft.com/office/drawing/2014/main" id="{97FC2C1B-FD0F-4A0D-8128-AC100352913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60943" y="6462704"/>
            <a:ext cx="2820461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29" name="Footer">
            <a:extLst>
              <a:ext uri="{FF2B5EF4-FFF2-40B4-BE49-F238E27FC236}">
                <a16:creationId xmlns:a16="http://schemas.microsoft.com/office/drawing/2014/main" id="{AF0CBC28-8C94-4666-B3DA-E6DDF330E1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462704"/>
            <a:ext cx="41148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30" name="SlideNumber">
            <a:extLst>
              <a:ext uri="{FF2B5EF4-FFF2-40B4-BE49-F238E27FC236}">
                <a16:creationId xmlns:a16="http://schemas.microsoft.com/office/drawing/2014/main" id="{56B061A8-144E-454F-A6B3-E3305F848E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462704"/>
            <a:ext cx="28067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3" name="(n)B">
            <a:extLst>
              <a:ext uri="{FF2B5EF4-FFF2-40B4-BE49-F238E27FC236}">
                <a16:creationId xmlns:a16="http://schemas.microsoft.com/office/drawing/2014/main" id="{BF0F03E0-8F28-4464-8B1D-4BAD1BF4273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sp>
        <p:nvSpPr>
          <p:cNvPr id="26" name="text" descr="{&quot;templafy&quot;:{&quot;id&quot;:&quot;390453ba-13b1-4dce-b58a-e1cae6a54a3d&quot;}}" title="UserProfile.DirectPhone"/>
          <p:cNvSpPr/>
          <p:nvPr userDrawn="1"/>
        </p:nvSpPr>
        <p:spPr>
          <a:xfrm>
            <a:off x="757647" y="54864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396">
              <a:solidFill>
                <a:schemeClr val="tx1"/>
              </a:solidFill>
            </a:endParaRPr>
          </a:p>
        </p:txBody>
      </p:sp>
      <p:sp>
        <p:nvSpPr>
          <p:cNvPr id="27" name="text" descr="{&quot;templafy&quot;:{&quot;id&quot;:&quot;cd7a132d-6c33-4b0a-9e0c-ce3d9117471d&quot;}}" title="UserProfile.Email"/>
          <p:cNvSpPr/>
          <p:nvPr userDrawn="1"/>
        </p:nvSpPr>
        <p:spPr>
          <a:xfrm>
            <a:off x="765175" y="49968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tx1"/>
                </a:solidFill>
              </a:rPr>
              <a:t>f.lejsgaard@rn.dk</a:t>
            </a:r>
          </a:p>
        </p:txBody>
      </p:sp>
      <p:sp>
        <p:nvSpPr>
          <p:cNvPr id="32" name="text" descr="{&quot;templafy&quot;:{&quot;id&quot;:&quot;606aff0e-007a-4d48-8061-0ab31d492fc5&quot;}}" title="UserProfile.DepartmentFreeText"/>
          <p:cNvSpPr/>
          <p:nvPr userDrawn="1"/>
        </p:nvSpPr>
        <p:spPr>
          <a:xfrm>
            <a:off x="765175" y="45036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tx1"/>
                </a:solidFill>
              </a:rPr>
              <a:t>Mennesker og Organisation</a:t>
            </a:r>
          </a:p>
        </p:txBody>
      </p:sp>
      <p:sp>
        <p:nvSpPr>
          <p:cNvPr id="35" name="text" descr="{&quot;templafy&quot;:{&quot;id&quot;:&quot;dd5d843b-20c8-4a75-a693-698faf09c375&quot;}}" title="UserProfile.Clinic"/>
          <p:cNvSpPr/>
          <p:nvPr userDrawn="1"/>
        </p:nvSpPr>
        <p:spPr>
          <a:xfrm>
            <a:off x="765175" y="4014000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da-DK" sz="2396">
              <a:solidFill>
                <a:schemeClr val="tx1"/>
              </a:solidFill>
            </a:endParaRPr>
          </a:p>
        </p:txBody>
      </p:sp>
      <p:sp>
        <p:nvSpPr>
          <p:cNvPr id="37" name="text" descr="{&quot;templafy&quot;:{&quot;id&quot;:&quot;02099e7c-1bb0-4945-92d4-a7f74e367b00&quot;}}" title="UserProfile.Department.Institution"/>
          <p:cNvSpPr/>
          <p:nvPr userDrawn="1"/>
        </p:nvSpPr>
        <p:spPr>
          <a:xfrm>
            <a:off x="765175" y="3521468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tx1"/>
                </a:solidFill>
              </a:rPr>
              <a:t>Region Nordjylland</a:t>
            </a:r>
          </a:p>
        </p:txBody>
      </p:sp>
      <p:sp>
        <p:nvSpPr>
          <p:cNvPr id="25" name="SD_VAR_HEADER"/>
          <p:cNvSpPr/>
          <p:nvPr userDrawn="1">
            <p:custDataLst>
              <p:tags r:id="rId1"/>
            </p:custDataLst>
          </p:nvPr>
        </p:nvSpPr>
        <p:spPr>
          <a:xfrm>
            <a:off x="765175" y="3444475"/>
            <a:ext cx="10660180" cy="27731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>
              <a:lnSpc>
                <a:spcPct val="135000"/>
              </a:lnSpc>
              <a:spcAft>
                <a:spcPts val="0"/>
              </a:spcAft>
            </a:pPr>
            <a:endParaRPr lang="da-DK" sz="2396">
              <a:solidFill>
                <a:schemeClr val="tx1"/>
              </a:solidFill>
            </a:endParaRPr>
          </a:p>
        </p:txBody>
      </p:sp>
      <p:sp>
        <p:nvSpPr>
          <p:cNvPr id="42" name="text" descr="{&quot;templafy&quot;:{&quot;id&quot;:&quot;fbaf01dd-93c8-4e97-8ad7-fb11f72156dc&quot;}}" title="UserProfile.Name"/>
          <p:cNvSpPr/>
          <p:nvPr userDrawn="1"/>
        </p:nvSpPr>
        <p:spPr>
          <a:xfrm>
            <a:off x="765175" y="2660478"/>
            <a:ext cx="10660180" cy="75106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rmAutofit/>
          </a:bodyPr>
          <a:lstStyle/>
          <a:p>
            <a:pPr algn="l"/>
            <a:r>
              <a:rPr lang="da-DK" sz="3592" b="1" cap="all" spc="501" baseline="0">
                <a:solidFill>
                  <a:schemeClr val="tx1"/>
                </a:solidFill>
              </a:rPr>
              <a:t>Freja Kathrine Lejsgaard</a:t>
            </a:r>
          </a:p>
        </p:txBody>
      </p:sp>
      <p:sp>
        <p:nvSpPr>
          <p:cNvPr id="41" name="text" descr="{&quot;templafy&quot;:{&quot;id&quot;:&quot;66e43636-8275-4c12-b92d-cb99c7740d1b&quot;}}" title="UserProfile.Title"/>
          <p:cNvSpPr/>
          <p:nvPr userDrawn="1"/>
        </p:nvSpPr>
        <p:spPr>
          <a:xfrm>
            <a:off x="765175" y="2218761"/>
            <a:ext cx="10660180" cy="35079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da-DK" sz="2396">
                <a:solidFill>
                  <a:schemeClr val="tx1"/>
                </a:solidFill>
              </a:rPr>
              <a:t>Forbedringskonsulent</a:t>
            </a:r>
          </a:p>
        </p:txBody>
      </p:sp>
      <p:sp>
        <p:nvSpPr>
          <p:cNvPr id="18" name="text" descr="{&quot;templafy&quot;:{&quot;id&quot;:&quot;daa81fff-2c46-407d-aeed-7ed33cd21d9b&quot;}}" title="Translations.Takforidag">
            <a:extLst>
              <a:ext uri="{FF2B5EF4-FFF2-40B4-BE49-F238E27FC236}">
                <a16:creationId xmlns:a16="http://schemas.microsoft.com/office/drawing/2014/main" id="{0B13E7F8-E1F3-486D-986B-9E5D2D3D0502}"/>
              </a:ext>
            </a:extLst>
          </p:cNvPr>
          <p:cNvSpPr/>
          <p:nvPr userDrawn="1"/>
        </p:nvSpPr>
        <p:spPr>
          <a:xfrm>
            <a:off x="760544" y="355600"/>
            <a:ext cx="5973992" cy="100533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lnSpc>
                <a:spcPct val="90000"/>
              </a:lnSpc>
            </a:pPr>
            <a:r>
              <a:rPr lang="da-DK" sz="1996" b="1" cap="all" spc="200" baseline="0">
                <a:solidFill>
                  <a:schemeClr val="tx1"/>
                </a:solidFill>
              </a:rPr>
              <a:t>Tak for i dag</a:t>
            </a:r>
          </a:p>
        </p:txBody>
      </p:sp>
      <p:pic>
        <p:nvPicPr>
          <p:cNvPr id="16" name="Billede 15">
            <a:extLst>
              <a:ext uri="{FF2B5EF4-FFF2-40B4-BE49-F238E27FC236}">
                <a16:creationId xmlns:a16="http://schemas.microsoft.com/office/drawing/2014/main" id="{4EFEABDF-9D5B-4463-A62F-FCFAFCB62D66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031096" y="-5097"/>
            <a:ext cx="5165535" cy="43532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076030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 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6" name="(n)B">
            <a:extLst>
              <a:ext uri="{FF2B5EF4-FFF2-40B4-BE49-F238E27FC236}">
                <a16:creationId xmlns:a16="http://schemas.microsoft.com/office/drawing/2014/main" id="{D44C4EE7-0E01-420A-BA62-BC32168913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overskrift -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7" name="(n)B">
            <a:extLst>
              <a:ext uri="{FF2B5EF4-FFF2-40B4-BE49-F238E27FC236}">
                <a16:creationId xmlns:a16="http://schemas.microsoft.com/office/drawing/2014/main" id="{78D002F9-146D-4F51-AB50-4D6344C615C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4525675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1 indhold - farv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7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Text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5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6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221522953" name="image" descr="{&quot;templafy&quot;:{&quot;id&quot;:&quot;1756bfd2-8fd6-405b-927f-b964f7e683c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42258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1 indhold -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" name="(n)B">
            <a:extLst>
              <a:ext uri="{FF2B5EF4-FFF2-40B4-BE49-F238E27FC236}">
                <a16:creationId xmlns:a16="http://schemas.microsoft.com/office/drawing/2014/main" id="{00CB71F3-F854-45A6-BA7D-169D8C99C78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40708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indhold - femte elem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sp>
        <p:nvSpPr>
          <p:cNvPr id="7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8152874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Text"/>
          <p:cNvSpPr>
            <a:spLocks noGrp="1"/>
          </p:cNvSpPr>
          <p:nvPr>
            <p:ph idx="1" hasCustomPrompt="1"/>
          </p:nvPr>
        </p:nvSpPr>
        <p:spPr>
          <a:xfrm>
            <a:off x="765175" y="1638696"/>
            <a:ext cx="6984000" cy="482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5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36" name="Billede 35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382847" y="968432"/>
            <a:ext cx="4870271" cy="4955993"/>
          </a:xfrm>
          <a:prstGeom prst="rect">
            <a:avLst/>
          </a:prstGeom>
        </p:spPr>
      </p:pic>
      <p:pic>
        <p:nvPicPr>
          <p:cNvPr id="37" name="(n)W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463608424" name="image" descr="{&quot;templafy&quot;:{&quot;id&quot;:&quot;ab53caf0-b69d-4f01-b891-4970cea2996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40176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indhold - femte element - hv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"/>
          <p:cNvSpPr>
            <a:spLocks noGrp="1"/>
          </p:cNvSpPr>
          <p:nvPr>
            <p:ph type="title" hasCustomPrompt="1"/>
          </p:nvPr>
        </p:nvSpPr>
        <p:spPr>
          <a:xfrm>
            <a:off x="760939" y="356552"/>
            <a:ext cx="8152874" cy="1001762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Text"/>
          <p:cNvSpPr>
            <a:spLocks noGrp="1"/>
          </p:cNvSpPr>
          <p:nvPr>
            <p:ph idx="1" hasCustomPrompt="1"/>
          </p:nvPr>
        </p:nvSpPr>
        <p:spPr>
          <a:xfrm>
            <a:off x="765175" y="1638696"/>
            <a:ext cx="6984000" cy="4824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5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F545340B-A3CE-494A-9788-EF46F4BB8B6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378005" y="995811"/>
            <a:ext cx="4815527" cy="4900286"/>
          </a:xfrm>
          <a:prstGeom prst="rect">
            <a:avLst/>
          </a:prstGeom>
        </p:spPr>
      </p:pic>
      <p:pic>
        <p:nvPicPr>
          <p:cNvPr id="13" name="(n)B">
            <a:extLst>
              <a:ext uri="{FF2B5EF4-FFF2-40B4-BE49-F238E27FC236}">
                <a16:creationId xmlns:a16="http://schemas.microsoft.com/office/drawing/2014/main" id="{95CA402F-DB26-4364-88A0-4F097BFAD7D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7717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indhold - 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rimaryColor"/>
          <p:cNvSpPr/>
          <p:nvPr userDrawn="1"/>
        </p:nvSpPr>
        <p:spPr>
          <a:xfrm>
            <a:off x="-1" y="0"/>
            <a:ext cx="12192001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rgbClr val="54687C"/>
              </a:solidFill>
            </a:endParaRP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43" y="356552"/>
            <a:ext cx="7560000" cy="10017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7" name="Text">
            <a:extLst>
              <a:ext uri="{FF2B5EF4-FFF2-40B4-BE49-F238E27FC236}">
                <a16:creationId xmlns:a16="http://schemas.microsoft.com/office/drawing/2014/main" id="{B376E6D9-DCE3-83A3-AF39-A76092668DC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5175" y="1638696"/>
            <a:ext cx="7560000" cy="482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2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8953504" y="0"/>
            <a:ext cx="3238500" cy="6800400"/>
          </a:xfrm>
          <a:solidFill>
            <a:srgbClr val="FFFFFF"/>
          </a:solidFill>
        </p:spPr>
        <p:txBody>
          <a:bodyPr lIns="72000" tIns="72000" rIns="72000" anchor="t" anchorCtr="0"/>
          <a:lstStyle>
            <a:lvl1pPr marL="0" indent="0" algn="ctr">
              <a:buFont typeface="Arial" panose="020B0604020202020204" pitchFamily="34" charset="0"/>
              <a:buNone/>
              <a:defRPr sz="1398">
                <a:solidFill>
                  <a:schemeClr val="tx1"/>
                </a:solidFill>
              </a:defRPr>
            </a:lvl1pPr>
          </a:lstStyle>
          <a:p>
            <a:pPr marL="285179" marR="0" lvl="0" indent="-285179" algn="ctr" defTabSz="912572" rtl="0" eaLnBrk="1" fontAlgn="auto" latinLnBrk="0" hangingPunct="1">
              <a:lnSpc>
                <a:spcPct val="100000"/>
              </a:lnSpc>
              <a:spcBef>
                <a:spcPts val="1098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  <a:p>
            <a:pPr marL="285179" marR="0" lvl="0" indent="-285179" algn="ctr" defTabSz="912572" rtl="0" eaLnBrk="1" fontAlgn="auto" latinLnBrk="0" hangingPunct="1">
              <a:lnSpc>
                <a:spcPct val="100000"/>
              </a:lnSpc>
              <a:spcBef>
                <a:spcPts val="1098"/>
              </a:spcBef>
              <a:spcAft>
                <a:spcPts val="0"/>
              </a:spcAft>
              <a:buClrTx/>
              <a:buSzTx/>
              <a:tabLst/>
              <a:defRPr/>
            </a:pPr>
            <a:endParaRPr lang="da-DK"/>
          </a:p>
        </p:txBody>
      </p:sp>
      <p:sp>
        <p:nvSpPr>
          <p:cNvPr id="3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4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5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9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pic>
        <p:nvPicPr>
          <p:cNvPr id="186621317" name="image" descr="{&quot;templafy&quot;:{&quot;id&quot;:&quot;82f2618a-6493-4641-a1e1-d3767254fcf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29384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indhold - billede - hvid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760943" y="356552"/>
            <a:ext cx="7560000" cy="1001762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7" name="Text">
            <a:extLst>
              <a:ext uri="{FF2B5EF4-FFF2-40B4-BE49-F238E27FC236}">
                <a16:creationId xmlns:a16="http://schemas.microsoft.com/office/drawing/2014/main" id="{B376E6D9-DCE3-83A3-AF39-A76092668DC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5175" y="1638696"/>
            <a:ext cx="7560000" cy="4824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2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8953499" y="0"/>
            <a:ext cx="3238501" cy="6800400"/>
          </a:xfrm>
          <a:solidFill>
            <a:srgbClr val="FFFFFF"/>
          </a:solidFill>
        </p:spPr>
        <p:txBody>
          <a:bodyPr lIns="72000" tIns="72000" rIns="72000" anchor="t" anchorCtr="0"/>
          <a:lstStyle>
            <a:lvl1pPr marL="0" indent="0" algn="ctr">
              <a:buFont typeface="Arial" panose="020B0604020202020204" pitchFamily="34" charset="0"/>
              <a:buNone/>
              <a:defRPr sz="1398">
                <a:solidFill>
                  <a:schemeClr val="tx1"/>
                </a:solidFill>
              </a:defRPr>
            </a:lvl1pPr>
          </a:lstStyle>
          <a:p>
            <a:pPr marL="285179" marR="0" lvl="0" indent="-285179" algn="ctr" defTabSz="912572" rtl="0" eaLnBrk="1" fontAlgn="auto" latinLnBrk="0" hangingPunct="1">
              <a:lnSpc>
                <a:spcPct val="100000"/>
              </a:lnSpc>
              <a:spcBef>
                <a:spcPts val="1098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/>
              <a:t>Klik på rammen og indsæt billede, </a:t>
            </a:r>
            <a:br>
              <a:rPr lang="da-DK"/>
            </a:br>
            <a:r>
              <a:rPr lang="da-DK"/>
              <a:t>via fanen Indsæt, Billeder/Lagerbilleder </a:t>
            </a:r>
            <a:br>
              <a:rPr lang="da-DK"/>
            </a:br>
            <a:r>
              <a:rPr lang="da-DK"/>
              <a:t>eller via RN billedbank </a:t>
            </a:r>
          </a:p>
        </p:txBody>
      </p:sp>
      <p:pic>
        <p:nvPicPr>
          <p:cNvPr id="19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sp>
        <p:nvSpPr>
          <p:cNvPr id="11" name="Date Placeholder 3">
            <a:extLst>
              <a:ext uri="{FF2B5EF4-FFF2-40B4-BE49-F238E27FC236}">
                <a16:creationId xmlns:a16="http://schemas.microsoft.com/office/drawing/2014/main" id="{EC519F07-72F5-451A-9079-F72114D651B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60943" y="6462704"/>
            <a:ext cx="2820461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DD8BC0C5-5D73-4BA0-9761-4E2435F4142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462704"/>
            <a:ext cx="41148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15" name="Slide Number Placeholder 5">
            <a:extLst>
              <a:ext uri="{FF2B5EF4-FFF2-40B4-BE49-F238E27FC236}">
                <a16:creationId xmlns:a16="http://schemas.microsoft.com/office/drawing/2014/main" id="{4E14221C-AEE7-4B26-AF24-79430ED14D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462704"/>
            <a:ext cx="2806700" cy="351415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7" name="(n)B">
            <a:extLst>
              <a:ext uri="{FF2B5EF4-FFF2-40B4-BE49-F238E27FC236}">
                <a16:creationId xmlns:a16="http://schemas.microsoft.com/office/drawing/2014/main" id="{BEA98CD2-F7F4-40D1-A7A6-E1067477B46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1204" y="151203"/>
            <a:ext cx="615927" cy="6159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06930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2 indhold - farv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rimaryColor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54687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850" tIns="71850" rIns="71850" bIns="71850" rtlCol="0" anchor="ctr"/>
          <a:lstStyle/>
          <a:p>
            <a:pPr algn="ctr"/>
            <a:endParaRPr lang="da-DK" sz="1796">
              <a:solidFill>
                <a:schemeClr val="bg1"/>
              </a:solidFill>
            </a:endParaRPr>
          </a:p>
        </p:txBody>
      </p:sp>
      <p:pic>
        <p:nvPicPr>
          <p:cNvPr id="14" name="(n)W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0033" y="150994"/>
            <a:ext cx="615927" cy="615927"/>
          </a:xfrm>
          <a:prstGeom prst="rect">
            <a:avLst/>
          </a:prstGeom>
        </p:spPr>
      </p:pic>
      <p:sp>
        <p:nvSpPr>
          <p:cNvPr id="7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tilføje titel</a:t>
            </a:r>
          </a:p>
        </p:txBody>
      </p:sp>
      <p:sp>
        <p:nvSpPr>
          <p:cNvPr id="3" name="Text"/>
          <p:cNvSpPr>
            <a:spLocks noGrp="1"/>
          </p:cNvSpPr>
          <p:nvPr>
            <p:ph idx="1" hasCustomPrompt="1"/>
          </p:nvPr>
        </p:nvSpPr>
        <p:spPr>
          <a:xfrm>
            <a:off x="765179" y="1638696"/>
            <a:ext cx="5148264" cy="482398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8" name="Text"/>
          <p:cNvSpPr>
            <a:spLocks noGrp="1"/>
          </p:cNvSpPr>
          <p:nvPr>
            <p:ph sz="quarter" idx="13" hasCustomPrompt="1"/>
          </p:nvPr>
        </p:nvSpPr>
        <p:spPr>
          <a:xfrm>
            <a:off x="6269038" y="1638300"/>
            <a:ext cx="5148788" cy="482439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tilføje tekst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4" name="Dat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5" name="Footer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Number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274503255" name="image" descr="{&quot;templafy&quot;:{&quot;id&quot;:&quot;375130f7-2942-4579-8553-910d7bb3f8a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463756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image" Target="../media/image1.emf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60939" y="356552"/>
            <a:ext cx="10656887" cy="1001762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65178" y="1638696"/>
            <a:ext cx="10655999" cy="4824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Sjette niveau</a:t>
            </a:r>
          </a:p>
          <a:p>
            <a:pPr lvl="6"/>
            <a:r>
              <a:rPr lang="da-DK"/>
              <a:t>Syvende niveau</a:t>
            </a:r>
          </a:p>
          <a:p>
            <a:pPr lvl="7"/>
            <a:r>
              <a:rPr lang="da-DK"/>
              <a:t>Ottende niveau</a:t>
            </a:r>
          </a:p>
          <a:p>
            <a:pPr lvl="8"/>
            <a:r>
              <a:rPr lang="da-DK"/>
              <a:t>Niend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60943" y="6462704"/>
            <a:ext cx="2820461" cy="351415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l">
              <a:defRPr sz="1198">
                <a:solidFill>
                  <a:schemeClr val="tx1"/>
                </a:solidFill>
              </a:defRPr>
            </a:lvl1pPr>
          </a:lstStyle>
          <a:p>
            <a:fld id="{54E0A626-36E7-4ACB-AE94-30B8AB1B2246}" type="datetimeFigureOut">
              <a:rPr lang="da-DK" smtClean="0"/>
              <a:pPr/>
              <a:t>11-05-2023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4038600" y="6462704"/>
            <a:ext cx="4114800" cy="351415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ctr">
              <a:defRPr sz="1198"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610600" y="6462704"/>
            <a:ext cx="2806700" cy="351415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algn="r">
              <a:defRPr sz="1198"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815061496" name="image" descr="{&quot;templafy&quot;:{&quot;id&quot;:&quot;c43549ba-b406-48a4-a865-12a5a6d671da&quot;}}"/>
          <p:cNvPicPr>
            <a:picLocks noChangeAspect="1"/>
          </p:cNvPicPr>
          <p:nvPr/>
        </p:nvPicPr>
        <p:blipFill>
          <a:blip r:embed="rId26"/>
          <a:stretch>
            <a:fillRect/>
          </a:stretch>
        </p:blipFill>
        <p:spPr>
          <a:xfrm>
            <a:off x="-7200" y="6800408"/>
            <a:ext cx="12207600" cy="7316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7" r:id="rId2"/>
    <p:sldLayoutId id="2147483662" r:id="rId3"/>
    <p:sldLayoutId id="2147483650" r:id="rId4"/>
    <p:sldLayoutId id="2147483663" r:id="rId5"/>
    <p:sldLayoutId id="2147483673" r:id="rId6"/>
    <p:sldLayoutId id="2147483670" r:id="rId7"/>
    <p:sldLayoutId id="2147483674" r:id="rId8"/>
    <p:sldLayoutId id="2147483668" r:id="rId9"/>
    <p:sldLayoutId id="2147483664" r:id="rId10"/>
    <p:sldLayoutId id="2147483658" r:id="rId11"/>
    <p:sldLayoutId id="2147483675" r:id="rId12"/>
    <p:sldLayoutId id="2147483667" r:id="rId13"/>
    <p:sldLayoutId id="2147483676" r:id="rId14"/>
    <p:sldLayoutId id="2147483657" r:id="rId15"/>
    <p:sldLayoutId id="2147483660" r:id="rId16"/>
    <p:sldLayoutId id="2147483651" r:id="rId17"/>
    <p:sldLayoutId id="2147483665" r:id="rId18"/>
    <p:sldLayoutId id="2147483661" r:id="rId19"/>
    <p:sldLayoutId id="2147483656" r:id="rId20"/>
    <p:sldLayoutId id="2147483669" r:id="rId21"/>
    <p:sldLayoutId id="2147483671" r:id="rId22"/>
    <p:sldLayoutId id="2147483655" r:id="rId23"/>
    <p:sldLayoutId id="2147483654" r:id="rId24"/>
  </p:sldLayoutIdLst>
  <p:txStyles>
    <p:titleStyle>
      <a:lvl1pPr algn="l" defTabSz="912572" rtl="0" eaLnBrk="1" latinLnBrk="0" hangingPunct="1">
        <a:lnSpc>
          <a:spcPct val="90000"/>
        </a:lnSpc>
        <a:spcBef>
          <a:spcPct val="0"/>
        </a:spcBef>
        <a:buNone/>
        <a:defRPr sz="1996" b="1" kern="1200" cap="all" spc="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6826" indent="-186826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•"/>
        <a:defRPr sz="1796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373651" indent="-186826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•"/>
        <a:defRPr sz="1796" kern="1200">
          <a:solidFill>
            <a:schemeClr val="tx1"/>
          </a:solidFill>
          <a:latin typeface="+mn-lt"/>
          <a:ea typeface="+mn-ea"/>
          <a:cs typeface="+mn-cs"/>
        </a:defRPr>
      </a:lvl2pPr>
      <a:lvl3pPr marL="560477" indent="-186826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•"/>
        <a:defRPr sz="1796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​"/>
        <a:defRPr sz="1796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​"/>
        <a:defRPr sz="1796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143712" indent="-143712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•"/>
        <a:defRPr sz="1398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​"/>
        <a:defRPr sz="1398" b="1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2572" rtl="0" eaLnBrk="1" latinLnBrk="0" hangingPunct="1">
        <a:lnSpc>
          <a:spcPct val="100000"/>
        </a:lnSpc>
        <a:spcBef>
          <a:spcPts val="598"/>
        </a:spcBef>
        <a:buFont typeface="Arial" panose="020B0604020202020204" pitchFamily="34" charset="0"/>
        <a:buChar char="​"/>
        <a:defRPr sz="1398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2572" rtl="0" eaLnBrk="1" latinLnBrk="0" hangingPunct="1">
        <a:lnSpc>
          <a:spcPct val="90000"/>
        </a:lnSpc>
        <a:spcBef>
          <a:spcPct val="0"/>
        </a:spcBef>
        <a:buFont typeface="Arial" panose="020B0604020202020204" pitchFamily="34" charset="0"/>
        <a:buChar char="​"/>
        <a:defRPr lang="da-DK" sz="1996" b="1" kern="1200" cap="all" spc="200" baseline="0" dirty="0">
          <a:solidFill>
            <a:schemeClr val="tx1"/>
          </a:solidFill>
          <a:latin typeface="+mj-lt"/>
          <a:ea typeface="+mj-ea"/>
          <a:cs typeface="+mj-cs"/>
        </a:defRPr>
      </a:lvl9pPr>
    </p:bodyStyle>
    <p:otherStyle>
      <a:defPPr>
        <a:defRPr lang="en-US"/>
      </a:defPPr>
      <a:lvl1pPr marL="0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1pPr>
      <a:lvl2pPr marL="456286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2pPr>
      <a:lvl3pPr marL="912572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3pPr>
      <a:lvl4pPr marL="1368856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4pPr>
      <a:lvl5pPr marL="1825142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5pPr>
      <a:lvl6pPr marL="2281428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6pPr>
      <a:lvl7pPr marL="2737714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7pPr>
      <a:lvl8pPr marL="3194000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8pPr>
      <a:lvl9pPr marL="3650285" algn="l" defTabSz="912572" rtl="0" eaLnBrk="1" latinLnBrk="0" hangingPunct="1">
        <a:defRPr sz="1796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192" userDrawn="1">
          <p15:clr>
            <a:srgbClr val="F26B43"/>
          </p15:clr>
        </p15:guide>
        <p15:guide id="3" orient="horz" pos="224" userDrawn="1">
          <p15:clr>
            <a:srgbClr val="F26B43"/>
          </p15:clr>
        </p15:guide>
        <p15:guide id="4" orient="horz" pos="855" userDrawn="1">
          <p15:clr>
            <a:srgbClr val="F26B43"/>
          </p15:clr>
        </p15:guide>
        <p15:guide id="5" pos="482" userDrawn="1">
          <p15:clr>
            <a:srgbClr val="F26B43"/>
          </p15:clr>
        </p15:guide>
        <p15:guide id="6" pos="3725" userDrawn="1">
          <p15:clr>
            <a:srgbClr val="F26B43"/>
          </p15:clr>
        </p15:guide>
        <p15:guide id="7" orient="horz" pos="1032" userDrawn="1">
          <p15:clr>
            <a:srgbClr val="F26B43"/>
          </p15:clr>
        </p15:guide>
        <p15:guide id="8" orient="horz" pos="3965" userDrawn="1">
          <p15:clr>
            <a:srgbClr val="F26B43"/>
          </p15:clr>
        </p15:guide>
        <p15:guide id="9" pos="39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20.xml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customXml" Target="../../customXml/item10.xml"/><Relationship Id="rId7" Type="http://schemas.openxmlformats.org/officeDocument/2006/relationships/image" Target="../media/image33.svg"/><Relationship Id="rId2" Type="http://schemas.openxmlformats.org/officeDocument/2006/relationships/customXml" Target="../../customXml/item1.xml"/><Relationship Id="rId1" Type="http://schemas.openxmlformats.org/officeDocument/2006/relationships/themeOverride" Target="../theme/themeOverride4.xml"/><Relationship Id="rId6" Type="http://schemas.openxmlformats.org/officeDocument/2006/relationships/image" Target="../media/image32.png"/><Relationship Id="rId5" Type="http://schemas.openxmlformats.org/officeDocument/2006/relationships/notesSlide" Target="../notesSlides/notesSlide10.xml"/><Relationship Id="rId4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customXml" Target="../../customXml/item15.xml"/><Relationship Id="rId7" Type="http://schemas.openxmlformats.org/officeDocument/2006/relationships/image" Target="../media/image35.svg"/><Relationship Id="rId2" Type="http://schemas.openxmlformats.org/officeDocument/2006/relationships/customXml" Target="../../customXml/item9.xml"/><Relationship Id="rId1" Type="http://schemas.openxmlformats.org/officeDocument/2006/relationships/themeOverride" Target="../theme/themeOverride5.xml"/><Relationship Id="rId6" Type="http://schemas.openxmlformats.org/officeDocument/2006/relationships/image" Target="../media/image34.png"/><Relationship Id="rId5" Type="http://schemas.openxmlformats.org/officeDocument/2006/relationships/notesSlide" Target="../notesSlides/notesSlide11.xml"/><Relationship Id="rId4" Type="http://schemas.openxmlformats.org/officeDocument/2006/relationships/slideLayout" Target="../slideLayouts/slideLayout1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2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12.xml"/><Relationship Id="rId4" Type="http://schemas.openxmlformats.org/officeDocument/2006/relationships/notesSlide" Target="../notesSlides/notesSlide1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customXml" Target="../../customXml/item16.xml"/><Relationship Id="rId2" Type="http://schemas.openxmlformats.org/officeDocument/2006/relationships/customXml" Target="../../customXml/item28.xml"/><Relationship Id="rId1" Type="http://schemas.openxmlformats.org/officeDocument/2006/relationships/themeOverride" Target="../theme/themeOverride1.xml"/><Relationship Id="rId6" Type="http://schemas.openxmlformats.org/officeDocument/2006/relationships/image" Target="../media/image19.PNG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8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svg"/><Relationship Id="rId3" Type="http://schemas.openxmlformats.org/officeDocument/2006/relationships/customXml" Target="../../customXml/item37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33.xml"/><Relationship Id="rId1" Type="http://schemas.openxmlformats.org/officeDocument/2006/relationships/themeOverride" Target="../theme/themeOverride2.xml"/><Relationship Id="rId6" Type="http://schemas.openxmlformats.org/officeDocument/2006/relationships/image" Target="../media/image19.PNG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1.xml"/><Relationship Id="rId3" Type="http://schemas.openxmlformats.org/officeDocument/2006/relationships/slideLayout" Target="../slideLayouts/slideLayout4.xml"/><Relationship Id="rId7" Type="http://schemas.openxmlformats.org/officeDocument/2006/relationships/diagramQuickStyle" Target="../diagrams/quickStyle1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6.xml"/><Relationship Id="rId6" Type="http://schemas.openxmlformats.org/officeDocument/2006/relationships/diagramLayout" Target="../diagrams/layout1.xml"/><Relationship Id="rId5" Type="http://schemas.openxmlformats.org/officeDocument/2006/relationships/diagramData" Target="../diagrams/data1.xml"/><Relationship Id="rId10" Type="http://schemas.openxmlformats.org/officeDocument/2006/relationships/image" Target="../media/image19.PNG"/><Relationship Id="rId4" Type="http://schemas.openxmlformats.org/officeDocument/2006/relationships/notesSlide" Target="../notesSlides/notesSlide5.xml"/><Relationship Id="rId9" Type="http://schemas.microsoft.com/office/2007/relationships/diagramDrawing" Target="../diagrams/drawing1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2.xml"/><Relationship Id="rId13" Type="http://schemas.openxmlformats.org/officeDocument/2006/relationships/image" Target="../media/image25.svg"/><Relationship Id="rId3" Type="http://schemas.openxmlformats.org/officeDocument/2006/relationships/slideLayout" Target="../slideLayouts/slideLayout24.xml"/><Relationship Id="rId7" Type="http://schemas.openxmlformats.org/officeDocument/2006/relationships/diagramQuickStyle" Target="../diagrams/quickStyle2.xml"/><Relationship Id="rId12" Type="http://schemas.openxmlformats.org/officeDocument/2006/relationships/image" Target="../media/image24.png"/><Relationship Id="rId2" Type="http://schemas.openxmlformats.org/officeDocument/2006/relationships/customXml" Target="../../customXml/item39.xml"/><Relationship Id="rId16" Type="http://schemas.openxmlformats.org/officeDocument/2006/relationships/image" Target="../media/image19.PNG"/><Relationship Id="rId1" Type="http://schemas.openxmlformats.org/officeDocument/2006/relationships/customXml" Target="../../customXml/item3.xml"/><Relationship Id="rId6" Type="http://schemas.openxmlformats.org/officeDocument/2006/relationships/diagramLayout" Target="../diagrams/layout2.xml"/><Relationship Id="rId11" Type="http://schemas.openxmlformats.org/officeDocument/2006/relationships/image" Target="../media/image23.svg"/><Relationship Id="rId5" Type="http://schemas.openxmlformats.org/officeDocument/2006/relationships/diagramData" Target="../diagrams/data2.xml"/><Relationship Id="rId15" Type="http://schemas.openxmlformats.org/officeDocument/2006/relationships/image" Target="../media/image27.svg"/><Relationship Id="rId10" Type="http://schemas.openxmlformats.org/officeDocument/2006/relationships/image" Target="../media/image22.png"/><Relationship Id="rId4" Type="http://schemas.openxmlformats.org/officeDocument/2006/relationships/notesSlide" Target="../notesSlides/notesSlide6.xml"/><Relationship Id="rId9" Type="http://schemas.microsoft.com/office/2007/relationships/diagramDrawing" Target="../diagrams/drawing2.xml"/><Relationship Id="rId14" Type="http://schemas.openxmlformats.org/officeDocument/2006/relationships/image" Target="../media/image26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customXml" Target="../../customXml/item38.xml"/><Relationship Id="rId2" Type="http://schemas.openxmlformats.org/officeDocument/2006/relationships/customXml" Target="../../customXml/item42.xml"/><Relationship Id="rId1" Type="http://schemas.openxmlformats.org/officeDocument/2006/relationships/themeOverride" Target="../theme/themeOverride3.xml"/><Relationship Id="rId6" Type="http://schemas.openxmlformats.org/officeDocument/2006/relationships/image" Target="../media/image19.PNG"/><Relationship Id="rId5" Type="http://schemas.openxmlformats.org/officeDocument/2006/relationships/notesSlide" Target="../notesSlides/notesSlide7.xml"/><Relationship Id="rId4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25.xml"/><Relationship Id="rId5" Type="http://schemas.openxmlformats.org/officeDocument/2006/relationships/image" Target="../media/image28.PNG"/><Relationship Id="rId4" Type="http://schemas.openxmlformats.org/officeDocument/2006/relationships/notesSlide" Target="../notesSlides/notesSlide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31.svg"/><Relationship Id="rId4" Type="http://schemas.openxmlformats.org/officeDocument/2006/relationships/image" Target="../media/image30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pagePicture"/>
          <p:cNvSpPr/>
          <p:nvPr/>
        </p:nvSpPr>
        <p:spPr>
          <a:xfrm>
            <a:off x="6344" y="3570"/>
            <a:ext cx="12179313" cy="684769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1925" tIns="71925" rIns="71925" bIns="71925" rtlCol="0" anchor="ctr"/>
          <a:lstStyle/>
          <a:p>
            <a:pPr algn="ctr"/>
            <a:endParaRPr lang="da-DK" sz="1798" dirty="0"/>
          </a:p>
        </p:txBody>
      </p:sp>
      <p:pic>
        <p:nvPicPr>
          <p:cNvPr id="5" name="Pladsholder til billede 4" descr="Et billede, der indeholder diagram&#10;&#10;Automatisk genereret beskrivelse">
            <a:extLst>
              <a:ext uri="{FF2B5EF4-FFF2-40B4-BE49-F238E27FC236}">
                <a16:creationId xmlns:a16="http://schemas.microsoft.com/office/drawing/2014/main" id="{1AB00905-648B-4783-87A1-B7CCFCCB7A3C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00" r="1500"/>
          <a:stretch>
            <a:fillRect/>
          </a:stretch>
        </p:blipFill>
        <p:spPr>
          <a:xfrm>
            <a:off x="0" y="2"/>
            <a:ext cx="12192000" cy="6808421"/>
          </a:xfrm>
        </p:spPr>
      </p:pic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A4B7202E-7D35-4333-A60E-0502180B4E0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AB07FE5E-837D-4761-A689-B36170F0ACF6}"/>
              </a:ext>
            </a:extLst>
          </p:cNvPr>
          <p:cNvSpPr txBox="1"/>
          <p:nvPr/>
        </p:nvSpPr>
        <p:spPr>
          <a:xfrm>
            <a:off x="572654" y="5801093"/>
            <a:ext cx="470130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b="1" dirty="0">
                <a:solidFill>
                  <a:schemeClr val="bg1"/>
                </a:solidFill>
              </a:rPr>
              <a:t>Netværksmøde d.10. maj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853182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98887170-B883-FFA4-2E6A-DB2572B8AE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589743" y="356552"/>
            <a:ext cx="8835640" cy="1001762"/>
          </a:xfrm>
        </p:spPr>
        <p:txBody>
          <a:bodyPr/>
          <a:lstStyle/>
          <a:p>
            <a:r>
              <a:rPr lang="da-DK" dirty="0"/>
              <a:t>Temperatur...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4A57473E-C9A2-16C0-BAAD-712FB97A31B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593982" y="1638696"/>
            <a:ext cx="8923764" cy="4824000"/>
          </a:xfrm>
        </p:spPr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sz="1800" dirty="0"/>
          </a:p>
          <a:p>
            <a:pPr marL="0" indent="0">
              <a:buNone/>
            </a:pPr>
            <a:r>
              <a:rPr lang="da-DK" sz="1800" dirty="0"/>
              <a:t>Hvad glæder du dig mest til at høre/deltage i på LKT-seminaret?</a:t>
            </a:r>
            <a:endParaRPr lang="da-DK" dirty="0"/>
          </a:p>
          <a:p>
            <a:pPr marL="0" indent="0">
              <a:buNone/>
            </a:pPr>
            <a:endParaRPr lang="da-DK" sz="1750" dirty="0"/>
          </a:p>
          <a:p>
            <a:pPr marL="0" indent="0">
              <a:buNone/>
            </a:pPr>
            <a:endParaRPr lang="da-DK" sz="1750" dirty="0"/>
          </a:p>
          <a:p>
            <a:pPr marL="0" indent="0">
              <a:buNone/>
            </a:pPr>
            <a:r>
              <a:rPr lang="da-DK" sz="1750" dirty="0"/>
              <a:t>Hvad håber du allermest at få med dig hjem fra LKT-seminaret?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6" name="Pladsholder til billede 5" descr="Måler kontur">
            <a:extLst>
              <a:ext uri="{FF2B5EF4-FFF2-40B4-BE49-F238E27FC236}">
                <a16:creationId xmlns:a16="http://schemas.microsoft.com/office/drawing/2014/main" id="{5186EFC9-E1E3-4567-A87C-96BC4B8B134C}"/>
              </a:ext>
            </a:extLst>
          </p:cNvPr>
          <p:cNvPicPr>
            <a:picLocks noGrp="1" noChangeAspect="1"/>
          </p:cNvPicPr>
          <p:nvPr>
            <p:ph sz="quarter" idx="4294967295"/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3611421" y="2994816"/>
            <a:ext cx="4824413" cy="4824412"/>
          </a:xfr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828388F2-89C7-4127-A0E2-CD7EEFAE06A7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11398801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746757" y="829354"/>
            <a:ext cx="8817170" cy="1910143"/>
          </a:xfrm>
        </p:spPr>
        <p:txBody>
          <a:bodyPr/>
          <a:lstStyle/>
          <a:p>
            <a:r>
              <a:rPr lang="da-DK" sz="5400" dirty="0"/>
              <a:t>Generel Sparring</a:t>
            </a:r>
          </a:p>
        </p:txBody>
      </p:sp>
      <p:pic>
        <p:nvPicPr>
          <p:cNvPr id="5" name="Pladsholder til indhold 4" descr="Socialt netværk med massiv udfyldning">
            <a:extLst>
              <a:ext uri="{FF2B5EF4-FFF2-40B4-BE49-F238E27FC236}">
                <a16:creationId xmlns:a16="http://schemas.microsoft.com/office/drawing/2014/main" id="{23719868-F510-4EDD-9312-7C5E9A6A2830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8076669" y="3242727"/>
            <a:ext cx="2785919" cy="2785919"/>
          </a:xfrm>
        </p:spPr>
      </p:pic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2FA284D4-E745-44AA-8D86-2C4147353C9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8A8D1DB-B0AC-496B-8A53-E5E3C8A3200F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19017907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D_LAN_Thanks"/>
          <p:cNvSpPr/>
          <p:nvPr/>
        </p:nvSpPr>
        <p:spPr>
          <a:xfrm>
            <a:off x="771642" y="361996"/>
            <a:ext cx="5961566" cy="100324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lnSpc>
                <a:spcPct val="90000"/>
              </a:lnSpc>
            </a:pPr>
            <a:endParaRPr lang="da-DK" sz="1996" b="1" cap="all" spc="200">
              <a:solidFill>
                <a:srgbClr val="FFFFFF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57564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86EEAA-9A3A-76D7-A5F5-289F2AD6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84993" y="108902"/>
            <a:ext cx="7560000" cy="1001762"/>
          </a:xfrm>
        </p:spPr>
        <p:txBody>
          <a:bodyPr anchor="b">
            <a:normAutofit/>
          </a:bodyPr>
          <a:lstStyle/>
          <a:p>
            <a:r>
              <a:rPr lang="da-DK" dirty="0"/>
              <a:t>Dagsorde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1059535-3E34-BA71-F2AB-C5446AF8EB0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213100" y="1600566"/>
            <a:ext cx="7560000" cy="4824000"/>
          </a:xfrm>
        </p:spPr>
        <p:txBody>
          <a:bodyPr>
            <a:normAutofit/>
          </a:bodyPr>
          <a:lstStyle/>
          <a:p>
            <a:pPr marL="342214" indent="-342214">
              <a:buFont typeface="+mj-lt"/>
              <a:buAutoNum type="arabicPeriod"/>
              <a:tabLst>
                <a:tab pos="456286" algn="l"/>
              </a:tabLst>
            </a:pPr>
            <a:r>
              <a:rPr lang="da-DK" b="1" dirty="0">
                <a:effectLst/>
              </a:rPr>
              <a:t>Forberedelse til seminar</a:t>
            </a:r>
            <a:endParaRPr lang="da-DK" b="1" dirty="0"/>
          </a:p>
          <a:p>
            <a:pPr marL="714531" lvl="4" indent="-285179">
              <a:buFont typeface="Arial" panose="020B0604020202020204" pitchFamily="34" charset="0"/>
              <a:buChar char="•"/>
              <a:tabLst>
                <a:tab pos="456286" algn="l"/>
              </a:tabLst>
            </a:pPr>
            <a:r>
              <a:rPr lang="da-DK" i="1" dirty="0">
                <a:effectLst/>
              </a:rPr>
              <a:t>Hvordan laver vi et godt pitch på 1 minut?</a:t>
            </a:r>
            <a:endParaRPr lang="da-DK" dirty="0"/>
          </a:p>
          <a:p>
            <a:pPr marL="714531" lvl="4" indent="-285179">
              <a:buFont typeface="Arial" panose="020B0604020202020204" pitchFamily="34" charset="0"/>
              <a:buChar char="•"/>
              <a:tabLst>
                <a:tab pos="456286" algn="l"/>
              </a:tabLst>
            </a:pPr>
            <a:r>
              <a:rPr lang="da-DK" i="1" dirty="0">
                <a:effectLst/>
              </a:rPr>
              <a:t>Afgrænsningskunst</a:t>
            </a:r>
            <a:endParaRPr lang="da-DK" dirty="0"/>
          </a:p>
          <a:p>
            <a:pPr marL="714531" lvl="4" indent="-285179">
              <a:buFont typeface="Arial" panose="020B0604020202020204" pitchFamily="34" charset="0"/>
              <a:buChar char="•"/>
              <a:tabLst>
                <a:tab pos="456286" algn="l"/>
              </a:tabLst>
            </a:pPr>
            <a:r>
              <a:rPr lang="da-DK" i="1" dirty="0">
                <a:effectLst/>
              </a:rPr>
              <a:t>Storyboard – om fremlæggelse og proces ved storyboard</a:t>
            </a:r>
            <a:endParaRPr lang="da-DK" dirty="0">
              <a:effectLst/>
            </a:endParaRPr>
          </a:p>
          <a:p>
            <a:pPr marL="429352" lvl="4">
              <a:buNone/>
            </a:pPr>
            <a:endParaRPr lang="da-DK" dirty="0">
              <a:effectLst/>
            </a:endParaRPr>
          </a:p>
          <a:p>
            <a:pPr marL="0" indent="0">
              <a:buNone/>
            </a:pPr>
            <a:r>
              <a:rPr lang="da-DK" dirty="0">
                <a:effectLst/>
              </a:rPr>
              <a:t>OBS: Er der nogen, der er klar med et pitch, så tag det med – fremlæg og få direkte respons på mødet.</a:t>
            </a:r>
            <a:r>
              <a:rPr lang="da-DK" i="1" dirty="0">
                <a:effectLst/>
              </a:rPr>
              <a:t> </a:t>
            </a:r>
            <a:endParaRPr lang="da-DK" dirty="0">
              <a:effectLst/>
            </a:endParaRPr>
          </a:p>
          <a:p>
            <a:pPr marL="0" indent="0">
              <a:buNone/>
            </a:pPr>
            <a:endParaRPr lang="da-DK" dirty="0">
              <a:effectLst/>
            </a:endParaRPr>
          </a:p>
          <a:p>
            <a:pPr marL="342214" indent="-342214">
              <a:buFont typeface="+mj-lt"/>
              <a:buAutoNum type="arabicPeriod" startAt="2"/>
              <a:tabLst>
                <a:tab pos="456286" algn="l"/>
              </a:tabLst>
            </a:pPr>
            <a:r>
              <a:rPr lang="da-DK" b="1" dirty="0">
                <a:effectLst/>
              </a:rPr>
              <a:t>Temperaturmåling</a:t>
            </a:r>
          </a:p>
          <a:p>
            <a:pPr marL="269460" indent="0">
              <a:buNone/>
            </a:pPr>
            <a:endParaRPr lang="da-DK" b="1" dirty="0">
              <a:effectLst/>
            </a:endParaRPr>
          </a:p>
          <a:p>
            <a:pPr marL="342214" indent="-342214">
              <a:buFont typeface="+mj-lt"/>
              <a:buAutoNum type="arabicPeriod" startAt="3"/>
              <a:tabLst>
                <a:tab pos="456286" algn="l"/>
              </a:tabLst>
            </a:pPr>
            <a:r>
              <a:rPr lang="da-DK" b="1" dirty="0">
                <a:effectLst/>
              </a:rPr>
              <a:t>Generel sparring</a:t>
            </a:r>
          </a:p>
          <a:p>
            <a:pPr lvl="4" indent="-186826">
              <a:buNone/>
              <a:tabLst>
                <a:tab pos="456286" algn="l"/>
              </a:tabLst>
            </a:pPr>
            <a:endParaRPr lang="da-DK" dirty="0">
              <a:effectLst/>
            </a:endParaRPr>
          </a:p>
          <a:p>
            <a:pPr lvl="4" indent="-186826">
              <a:buNone/>
              <a:tabLst>
                <a:tab pos="456286" algn="l"/>
              </a:tabLst>
            </a:pPr>
            <a:r>
              <a:rPr lang="da-DK" dirty="0">
                <a:effectLst/>
              </a:rPr>
              <a:t>Har I emner, vi skal drøfte?</a:t>
            </a:r>
          </a:p>
          <a:p>
            <a:pPr marL="0" indent="0">
              <a:buNone/>
            </a:pPr>
            <a:r>
              <a:rPr lang="da-DK" dirty="0">
                <a:effectLst/>
              </a:rPr>
              <a:t> </a:t>
            </a:r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75DAA801-9611-41BE-976B-2B3786FA869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241145579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/>
          <p:cNvSpPr>
            <a:spLocks noGrp="1"/>
          </p:cNvSpPr>
          <p:nvPr>
            <p:ph type="title"/>
          </p:nvPr>
        </p:nvSpPr>
        <p:spPr>
          <a:xfrm>
            <a:off x="2498725" y="251488"/>
            <a:ext cx="7560000" cy="1001762"/>
          </a:xfrm>
        </p:spPr>
        <p:txBody>
          <a:bodyPr anchor="b">
            <a:normAutofit/>
          </a:bodyPr>
          <a:lstStyle/>
          <a:p>
            <a:r>
              <a:rPr lang="da-DK" dirty="0"/>
              <a:t>Pitch</a:t>
            </a:r>
          </a:p>
        </p:txBody>
      </p:sp>
      <p:sp>
        <p:nvSpPr>
          <p:cNvPr id="5" name="Pladsholder til indhold 4"/>
          <p:cNvSpPr>
            <a:spLocks noGrp="1"/>
          </p:cNvSpPr>
          <p:nvPr>
            <p:ph idx="1"/>
          </p:nvPr>
        </p:nvSpPr>
        <p:spPr>
          <a:xfrm>
            <a:off x="2498725" y="1677448"/>
            <a:ext cx="7560000" cy="4824000"/>
          </a:xfrm>
        </p:spPr>
        <p:txBody>
          <a:bodyPr>
            <a:normAutofit/>
          </a:bodyPr>
          <a:lstStyle/>
          <a:p>
            <a:pPr marL="720725" indent="0" defTabSz="909638">
              <a:buNone/>
            </a:pPr>
            <a:endParaRPr lang="da-DK" i="1" dirty="0">
              <a:solidFill>
                <a:srgbClr val="333333"/>
              </a:solidFill>
              <a:latin typeface="Verdana" panose="020B0604030504040204" pitchFamily="34" charset="0"/>
            </a:endParaRPr>
          </a:p>
          <a:p>
            <a:pPr marL="720725" indent="0" defTabSz="909638">
              <a:buNone/>
            </a:pPr>
            <a:r>
              <a:rPr lang="da-DK" i="1" dirty="0">
                <a:solidFill>
                  <a:srgbClr val="333333"/>
                </a:solidFill>
                <a:latin typeface="Verdana" panose="020B0604030504040204" pitchFamily="34" charset="0"/>
              </a:rPr>
              <a:t>”K</a:t>
            </a:r>
            <a:r>
              <a:rPr lang="da-DK" b="0" i="1" dirty="0">
                <a:solidFill>
                  <a:srgbClr val="333333"/>
                </a:solidFill>
                <a:effectLst/>
                <a:latin typeface="Verdana" panose="020B0604030504040204" pitchFamily="34" charset="0"/>
              </a:rPr>
              <a:t>ortfattet præsentation som nogen giver af et produkt eller et projekt med henblik på salg, samarbejde, ansættelse el.lign.”</a:t>
            </a:r>
          </a:p>
          <a:p>
            <a:pPr marL="720725" indent="0" defTabSz="909638">
              <a:buNone/>
            </a:pPr>
            <a:endParaRPr lang="da-DK" i="1" dirty="0">
              <a:solidFill>
                <a:srgbClr val="333333"/>
              </a:solidFill>
              <a:latin typeface="Verdana" panose="020B0604030504040204" pitchFamily="34" charset="0"/>
            </a:endParaRPr>
          </a:p>
          <a:p>
            <a:pPr marL="720725" indent="0" defTabSz="909638">
              <a:buNone/>
            </a:pPr>
            <a:endParaRPr lang="da-DK" i="1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502885F2-4189-45E1-AE16-1131114F7821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  <p:sp>
        <p:nvSpPr>
          <p:cNvPr id="2" name="Ellipse 1">
            <a:extLst>
              <a:ext uri="{FF2B5EF4-FFF2-40B4-BE49-F238E27FC236}">
                <a16:creationId xmlns:a16="http://schemas.microsoft.com/office/drawing/2014/main" id="{102E98AA-3C52-4875-9378-42E141108642}"/>
              </a:ext>
            </a:extLst>
          </p:cNvPr>
          <p:cNvSpPr/>
          <p:nvPr/>
        </p:nvSpPr>
        <p:spPr>
          <a:xfrm>
            <a:off x="7641060" y="5411082"/>
            <a:ext cx="2766579" cy="1219200"/>
          </a:xfrm>
          <a:prstGeom prst="ellipse">
            <a:avLst/>
          </a:prstGeom>
          <a:solidFill>
            <a:srgbClr val="E7BC4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US" dirty="0"/>
              <a:t>”Short and sweet”</a:t>
            </a:r>
          </a:p>
        </p:txBody>
      </p:sp>
      <p:pic>
        <p:nvPicPr>
          <p:cNvPr id="6" name="Grafik 5" descr="Stor gryde kontur">
            <a:extLst>
              <a:ext uri="{FF2B5EF4-FFF2-40B4-BE49-F238E27FC236}">
                <a16:creationId xmlns:a16="http://schemas.microsoft.com/office/drawing/2014/main" id="{D9AD0C1A-1608-4FC1-992F-833230B2905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499957" y="3828830"/>
            <a:ext cx="2414951" cy="2414951"/>
          </a:xfrm>
          <a:prstGeom prst="rect">
            <a:avLst/>
          </a:prstGeom>
        </p:spPr>
      </p:pic>
      <p:sp>
        <p:nvSpPr>
          <p:cNvPr id="8" name="Tekstfelt 7">
            <a:extLst>
              <a:ext uri="{FF2B5EF4-FFF2-40B4-BE49-F238E27FC236}">
                <a16:creationId xmlns:a16="http://schemas.microsoft.com/office/drawing/2014/main" id="{47A0E977-25AD-4345-9F6E-2A6482007740}"/>
              </a:ext>
            </a:extLst>
          </p:cNvPr>
          <p:cNvSpPr txBox="1"/>
          <p:nvPr/>
        </p:nvSpPr>
        <p:spPr>
          <a:xfrm>
            <a:off x="5832925" y="2752171"/>
            <a:ext cx="515389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dirty="0">
                <a:solidFill>
                  <a:srgbClr val="37512C"/>
                </a:solidFill>
              </a:rPr>
              <a:t>…som for eksempel en super god sparringsproces</a:t>
            </a:r>
          </a:p>
        </p:txBody>
      </p:sp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361648513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>
            <a:extLst>
              <a:ext uri="{FF2B5EF4-FFF2-40B4-BE49-F238E27FC236}">
                <a16:creationId xmlns:a16="http://schemas.microsoft.com/office/drawing/2014/main" id="{D0C2108D-94D1-4205-A543-4960BC08BF8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70664" y="356552"/>
            <a:ext cx="10656887" cy="1001762"/>
          </a:xfrm>
        </p:spPr>
        <p:txBody>
          <a:bodyPr/>
          <a:lstStyle/>
          <a:p>
            <a:r>
              <a:rPr lang="da-DK" dirty="0"/>
              <a:t>Pitch på 1 min</a:t>
            </a:r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07C562DC-BB95-498C-8CF4-D448EF8A106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550843" y="1600340"/>
            <a:ext cx="5148264" cy="4823986"/>
          </a:xfrm>
        </p:spPr>
        <p:txBody>
          <a:bodyPr/>
          <a:lstStyle/>
          <a:p>
            <a:pPr marL="0" indent="0">
              <a:buNone/>
            </a:pPr>
            <a:endParaRPr lang="da-DK" sz="1600" b="1" dirty="0"/>
          </a:p>
          <a:p>
            <a:pPr marL="0" indent="0">
              <a:buNone/>
            </a:pPr>
            <a:r>
              <a:rPr lang="da-DK" sz="1600" b="1" dirty="0"/>
              <a:t>ET SPARRINGSSPØRGSMÅL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r>
              <a:rPr lang="da-DK" sz="1600" dirty="0"/>
              <a:t>Hvem er jeg, og hvor kommer jeg fra?</a:t>
            </a:r>
          </a:p>
          <a:p>
            <a:pPr marL="0" indent="0">
              <a:buNone/>
            </a:pPr>
            <a:r>
              <a:rPr lang="da-DK" sz="1600" dirty="0"/>
              <a:t>”Vi har et sparringsspørgsmål”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r>
              <a:rPr lang="da-DK" sz="1600" dirty="0"/>
              <a:t>To linjer om problemet</a:t>
            </a:r>
          </a:p>
          <a:p>
            <a:pPr marL="0" indent="0">
              <a:buNone/>
            </a:pPr>
            <a:r>
              <a:rPr lang="da-DK" sz="1600" dirty="0"/>
              <a:t>”… så det vi ønsker, at få sparring på er;”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F1306708-5CE2-4D5A-ADD5-E970C01FDA3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7031648" y="1599930"/>
            <a:ext cx="4802444" cy="4824396"/>
          </a:xfrm>
        </p:spPr>
        <p:txBody>
          <a:bodyPr/>
          <a:lstStyle/>
          <a:p>
            <a:pPr marL="0" indent="0">
              <a:buNone/>
            </a:pPr>
            <a:endParaRPr lang="da-DK" sz="1600" b="1" dirty="0"/>
          </a:p>
          <a:p>
            <a:pPr marL="0" indent="0">
              <a:buNone/>
            </a:pPr>
            <a:r>
              <a:rPr lang="da-DK" sz="1600" b="1" dirty="0"/>
              <a:t>TO SPARRINGSSPØRGSMÅL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r>
              <a:rPr lang="da-DK" sz="1600" dirty="0"/>
              <a:t>Hvem er jeg, og hvor kommer vi fra?</a:t>
            </a:r>
          </a:p>
          <a:p>
            <a:pPr marL="0" indent="0">
              <a:buNone/>
            </a:pPr>
            <a:r>
              <a:rPr lang="da-DK" sz="1600" dirty="0"/>
              <a:t>”Vi har to sparringsspørgsmål”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r>
              <a:rPr lang="da-DK" sz="1600" dirty="0"/>
              <a:t>Én linje om problemet</a:t>
            </a:r>
          </a:p>
          <a:p>
            <a:pPr marL="0" indent="0">
              <a:buNone/>
            </a:pPr>
            <a:r>
              <a:rPr lang="da-DK" sz="1600" dirty="0"/>
              <a:t>”… så det vi ønsker, at få sparring på er;”</a:t>
            </a:r>
          </a:p>
          <a:p>
            <a:pPr marL="0" indent="0">
              <a:buNone/>
            </a:pPr>
            <a:r>
              <a:rPr lang="da-DK" sz="1600" dirty="0"/>
              <a:t>Én linje om problemet</a:t>
            </a:r>
          </a:p>
          <a:p>
            <a:pPr marL="0" indent="0">
              <a:buNone/>
            </a:pPr>
            <a:r>
              <a:rPr lang="da-DK" sz="1600" dirty="0"/>
              <a:t>”… så det vi ønsker, at få sparring på er;”</a:t>
            </a:r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da-DK" sz="1600" dirty="0"/>
          </a:p>
          <a:p>
            <a:pPr marL="0" indent="0">
              <a:buNone/>
            </a:pPr>
            <a:endParaRPr lang="en-GB" sz="1600" dirty="0"/>
          </a:p>
        </p:txBody>
      </p:sp>
      <p:sp>
        <p:nvSpPr>
          <p:cNvPr id="9" name="Taleboble: oval 8">
            <a:extLst>
              <a:ext uri="{FF2B5EF4-FFF2-40B4-BE49-F238E27FC236}">
                <a16:creationId xmlns:a16="http://schemas.microsoft.com/office/drawing/2014/main" id="{8830504C-ED84-4939-8598-F7A922021752}"/>
              </a:ext>
            </a:extLst>
          </p:cNvPr>
          <p:cNvSpPr/>
          <p:nvPr/>
        </p:nvSpPr>
        <p:spPr>
          <a:xfrm>
            <a:off x="9734335" y="230332"/>
            <a:ext cx="2173647" cy="1127982"/>
          </a:xfrm>
          <a:prstGeom prst="wedgeEllipseCallout">
            <a:avLst>
              <a:gd name="adj1" fmla="val -37974"/>
              <a:gd name="adj2" fmla="val 112513"/>
            </a:avLst>
          </a:prstGeom>
          <a:solidFill>
            <a:srgbClr val="E372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 dirty="0"/>
              <a:t>Man har stadig kun 1 min</a:t>
            </a:r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D68A1E04-C627-410F-BA25-5B0FCD760FB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343669851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6451B5C9-48FC-474B-80D1-DD34ED85E68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513539" y="213677"/>
            <a:ext cx="10656887" cy="1001762"/>
          </a:xfrm>
        </p:spPr>
        <p:txBody>
          <a:bodyPr/>
          <a:lstStyle/>
          <a:p>
            <a:r>
              <a:rPr lang="da-DK" dirty="0"/>
              <a:t>Proces ved storyboard</a:t>
            </a:r>
          </a:p>
        </p:txBody>
      </p:sp>
      <p:sp>
        <p:nvSpPr>
          <p:cNvPr id="12" name="Pladsholder til indhold 11">
            <a:extLst>
              <a:ext uri="{FF2B5EF4-FFF2-40B4-BE49-F238E27FC236}">
                <a16:creationId xmlns:a16="http://schemas.microsoft.com/office/drawing/2014/main" id="{32001B7F-5941-48D8-A635-AA2D4735BB0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797025" y="4652384"/>
            <a:ext cx="3344392" cy="371475"/>
          </a:xfrm>
        </p:spPr>
        <p:txBody>
          <a:bodyPr/>
          <a:lstStyle/>
          <a:p>
            <a:pPr marL="0" indent="0">
              <a:buNone/>
            </a:pPr>
            <a:r>
              <a:rPr lang="da-DK" sz="1600" dirty="0"/>
              <a:t>Første teams til sparring 2x 20 min.</a:t>
            </a:r>
          </a:p>
          <a:p>
            <a:pPr marL="0" indent="0">
              <a:buNone/>
            </a:pPr>
            <a:endParaRPr lang="da-DK" sz="1600" dirty="0"/>
          </a:p>
        </p:txBody>
      </p:sp>
      <p:graphicFrame>
        <p:nvGraphicFramePr>
          <p:cNvPr id="13" name="Tabel 12">
            <a:extLst>
              <a:ext uri="{FF2B5EF4-FFF2-40B4-BE49-F238E27FC236}">
                <a16:creationId xmlns:a16="http://schemas.microsoft.com/office/drawing/2014/main" id="{B91AF76D-4F92-456C-A684-70B717259AF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67398377"/>
              </p:ext>
            </p:extLst>
          </p:nvPr>
        </p:nvGraphicFramePr>
        <p:xfrm>
          <a:off x="8797025" y="5090059"/>
          <a:ext cx="1940608" cy="1332029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1940608">
                  <a:extLst>
                    <a:ext uri="{9D8B030D-6E8A-4147-A177-3AD203B41FA5}">
                      <a16:colId xmlns:a16="http://schemas.microsoft.com/office/drawing/2014/main" val="1700822537"/>
                    </a:ext>
                  </a:extLst>
                </a:gridCol>
              </a:tblGrid>
              <a:tr h="1332029">
                <a:tc>
                  <a:txBody>
                    <a:bodyPr/>
                    <a:lstStyle/>
                    <a:p>
                      <a:pPr algn="l">
                        <a:lnSpc>
                          <a:spcPts val="1400"/>
                        </a:lnSpc>
                        <a:spcAft>
                          <a:spcPts val="850"/>
                        </a:spcAft>
                      </a:pPr>
                      <a:r>
                        <a:rPr lang="da-DK" sz="1000" dirty="0">
                          <a:effectLst/>
                        </a:rPr>
                        <a:t>Midtjylland – Voksen</a:t>
                      </a:r>
                    </a:p>
                    <a:p>
                      <a:pPr algn="l">
                        <a:lnSpc>
                          <a:spcPts val="1400"/>
                        </a:lnSpc>
                        <a:spcAft>
                          <a:spcPts val="850"/>
                        </a:spcAft>
                      </a:pPr>
                      <a:r>
                        <a:rPr lang="da-DK" sz="1000" dirty="0">
                          <a:effectLst/>
                        </a:rPr>
                        <a:t>Hovedstaden – Børne/unge</a:t>
                      </a:r>
                    </a:p>
                    <a:p>
                      <a:pPr algn="l">
                        <a:lnSpc>
                          <a:spcPts val="1400"/>
                        </a:lnSpc>
                        <a:spcAft>
                          <a:spcPts val="850"/>
                        </a:spcAft>
                      </a:pPr>
                      <a:r>
                        <a:rPr lang="da-DK" sz="1000" dirty="0">
                          <a:effectLst/>
                        </a:rPr>
                        <a:t>Sjælland – voksen (Vest)</a:t>
                      </a:r>
                    </a:p>
                    <a:p>
                      <a:pPr algn="l">
                        <a:lnSpc>
                          <a:spcPts val="1400"/>
                        </a:lnSpc>
                        <a:spcAft>
                          <a:spcPts val="850"/>
                        </a:spcAft>
                      </a:pPr>
                      <a:r>
                        <a:rPr lang="da-DK" sz="1000" dirty="0">
                          <a:effectLst/>
                        </a:rPr>
                        <a:t>Syddanmark – børne/unge</a:t>
                      </a:r>
                    </a:p>
                    <a:p>
                      <a:pPr algn="l">
                        <a:lnSpc>
                          <a:spcPts val="1400"/>
                        </a:lnSpc>
                        <a:spcAft>
                          <a:spcPts val="850"/>
                        </a:spcAft>
                      </a:pPr>
                      <a:r>
                        <a:rPr lang="da-DK" sz="1000" dirty="0">
                          <a:effectLst/>
                        </a:rPr>
                        <a:t>Nordjylland – voksen</a:t>
                      </a:r>
                      <a:endParaRPr lang="da-DK" sz="1000" dirty="0">
                        <a:effectLst/>
                        <a:latin typeface="Arial" panose="020B060402020202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89349" marR="89349" marT="0" marB="0"/>
                </a:tc>
                <a:extLst>
                  <a:ext uri="{0D108BD9-81ED-4DB2-BD59-A6C34878D82A}">
                    <a16:rowId xmlns:a16="http://schemas.microsoft.com/office/drawing/2014/main" val="227503634"/>
                  </a:ext>
                </a:extLst>
              </a:tr>
            </a:tbl>
          </a:graphicData>
        </a:graphic>
      </p:graphicFrame>
      <p:graphicFrame>
        <p:nvGraphicFramePr>
          <p:cNvPr id="19" name="Diagram 18">
            <a:extLst>
              <a:ext uri="{FF2B5EF4-FFF2-40B4-BE49-F238E27FC236}">
                <a16:creationId xmlns:a16="http://schemas.microsoft.com/office/drawing/2014/main" id="{7DB452B0-B8D2-4643-B024-BA9C61819F3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565820661"/>
              </p:ext>
            </p:extLst>
          </p:nvPr>
        </p:nvGraphicFramePr>
        <p:xfrm>
          <a:off x="2913589" y="1710165"/>
          <a:ext cx="5382686" cy="366193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  <p:pic>
        <p:nvPicPr>
          <p:cNvPr id="7" name="Billede 6">
            <a:extLst>
              <a:ext uri="{FF2B5EF4-FFF2-40B4-BE49-F238E27FC236}">
                <a16:creationId xmlns:a16="http://schemas.microsoft.com/office/drawing/2014/main" id="{AFEDDC68-11C6-4145-AF70-67C11A2246E8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270294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 build="p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Diagram 2">
            <a:extLst>
              <a:ext uri="{FF2B5EF4-FFF2-40B4-BE49-F238E27FC236}">
                <a16:creationId xmlns:a16="http://schemas.microsoft.com/office/drawing/2014/main" id="{6480A17A-ACF6-4C15-8566-460A0C83945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027811183"/>
              </p:ext>
            </p:extLst>
          </p:nvPr>
        </p:nvGraphicFramePr>
        <p:xfrm>
          <a:off x="3127406" y="1366282"/>
          <a:ext cx="8128000" cy="541866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  <p:sp>
        <p:nvSpPr>
          <p:cNvPr id="7" name="Titel 6">
            <a:extLst>
              <a:ext uri="{FF2B5EF4-FFF2-40B4-BE49-F238E27FC236}">
                <a16:creationId xmlns:a16="http://schemas.microsoft.com/office/drawing/2014/main" id="{AE960E81-4A38-4275-A0B1-BAFA5365023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453393" y="93647"/>
            <a:ext cx="10656887" cy="1001762"/>
          </a:xfrm>
        </p:spPr>
        <p:txBody>
          <a:bodyPr/>
          <a:lstStyle/>
          <a:p>
            <a:r>
              <a:rPr lang="da-DK" dirty="0"/>
              <a:t>Vi skal nå 4 gode sparringsrunder I alt… </a:t>
            </a:r>
          </a:p>
        </p:txBody>
      </p:sp>
      <p:pic>
        <p:nvPicPr>
          <p:cNvPr id="11" name="Grafik 10" descr="Gruppebrainstorm kontur">
            <a:extLst>
              <a:ext uri="{FF2B5EF4-FFF2-40B4-BE49-F238E27FC236}">
                <a16:creationId xmlns:a16="http://schemas.microsoft.com/office/drawing/2014/main" id="{B2DD34B9-5AC2-4BE8-9CFE-088A69DD643B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6071875" y="4428438"/>
            <a:ext cx="2239062" cy="2239062"/>
          </a:xfrm>
          <a:prstGeom prst="rect">
            <a:avLst/>
          </a:prstGeom>
        </p:spPr>
      </p:pic>
      <p:pic>
        <p:nvPicPr>
          <p:cNvPr id="14" name="Grafik 13" descr="Kør/Afspil kontur">
            <a:extLst>
              <a:ext uri="{FF2B5EF4-FFF2-40B4-BE49-F238E27FC236}">
                <a16:creationId xmlns:a16="http://schemas.microsoft.com/office/drawing/2014/main" id="{DC68D439-B187-48F8-977E-E43025CF662E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7781837" y="1654617"/>
            <a:ext cx="1746179" cy="1746179"/>
          </a:xfrm>
          <a:prstGeom prst="rect">
            <a:avLst/>
          </a:prstGeom>
        </p:spPr>
      </p:pic>
      <p:pic>
        <p:nvPicPr>
          <p:cNvPr id="29" name="Grafik 28" descr="Mikrofon kontur">
            <a:extLst>
              <a:ext uri="{FF2B5EF4-FFF2-40B4-BE49-F238E27FC236}">
                <a16:creationId xmlns:a16="http://schemas.microsoft.com/office/drawing/2014/main" id="{9EBA3A6E-CAA6-4C1D-B4E4-F4ED3449AFD7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4549676" y="1622170"/>
            <a:ext cx="1616330" cy="1616330"/>
          </a:xfrm>
          <a:prstGeom prst="rect">
            <a:avLst/>
          </a:prstGeom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910E3033-9E83-4285-AA30-F6261F47AE81}"/>
              </a:ext>
            </a:extLst>
          </p:cNvPr>
          <p:cNvSpPr txBox="1"/>
          <p:nvPr/>
        </p:nvSpPr>
        <p:spPr>
          <a:xfrm>
            <a:off x="4744666" y="1278580"/>
            <a:ext cx="1532898" cy="240065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3800" dirty="0"/>
              <a:t>X</a:t>
            </a:r>
          </a:p>
          <a:p>
            <a:r>
              <a:rPr lang="da-DK" dirty="0"/>
              <a:t>2. og 4. runde</a:t>
            </a:r>
            <a:endParaRPr lang="en-GB" sz="8000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49D3CA70-FEA1-403D-9B87-5DE1CF722CAF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402930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3B37095-2E72-4A50-9E77-35B03DCA7A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65375" y="1024971"/>
            <a:ext cx="8152874" cy="1001762"/>
          </a:xfrm>
        </p:spPr>
        <p:txBody>
          <a:bodyPr/>
          <a:lstStyle/>
          <a:p>
            <a:r>
              <a:rPr lang="da-DK" sz="4790" dirty="0"/>
              <a:t>Skal vi høre et pitch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18F4038-76EB-4D02-9589-CE3C17C4C23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04000" y="1638696"/>
            <a:ext cx="6984000" cy="4824000"/>
          </a:xfrm>
        </p:spPr>
        <p:txBody>
          <a:bodyPr/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Hvem er jeg, og hvor kommer jeg fra?</a:t>
            </a:r>
          </a:p>
          <a:p>
            <a:pPr marL="0" indent="0">
              <a:buNone/>
            </a:pPr>
            <a:r>
              <a:rPr lang="da-DK" dirty="0"/>
              <a:t>2 linjer om problemet </a:t>
            </a:r>
          </a:p>
          <a:p>
            <a:pPr marL="0" indent="0">
              <a:buNone/>
            </a:pPr>
            <a:r>
              <a:rPr lang="da-DK" dirty="0"/>
              <a:t>”Det vi ønsker, at få sparring på er…” 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B7549A32-483C-40CA-920D-1F669317E819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2023118" cy="6800400"/>
          </a:xfrm>
          <a:prstGeom prst="rect">
            <a:avLst/>
          </a:prstGeom>
          <a:noFill/>
        </p:spPr>
      </p:pic>
    </p:spTree>
    <p:custDataLst>
      <p:custData r:id="rId2"/>
      <p:custData r:id="rId3"/>
    </p:custDataLst>
    <p:extLst>
      <p:ext uri="{BB962C8B-B14F-4D97-AF65-F5344CB8AC3E}">
        <p14:creationId xmlns:p14="http://schemas.microsoft.com/office/powerpoint/2010/main" val="31930045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ladsholder til indhold 12" descr="Et billede, der indeholder tekst&#10;&#10;Automatisk genereret beskrivelse">
            <a:extLst>
              <a:ext uri="{FF2B5EF4-FFF2-40B4-BE49-F238E27FC236}">
                <a16:creationId xmlns:a16="http://schemas.microsoft.com/office/drawing/2014/main" id="{2FBA432C-4D32-4A36-9B3F-8675CCE45CA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0299032" cy="6745865"/>
          </a:xfr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5785588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lede 2" descr="Et billede, der indeholder bord&#10;&#10;Automatisk genereret beskrivelse">
            <a:extLst>
              <a:ext uri="{FF2B5EF4-FFF2-40B4-BE49-F238E27FC236}">
                <a16:creationId xmlns:a16="http://schemas.microsoft.com/office/drawing/2014/main" id="{17C28056-9CC3-4BFA-8444-9B0AF9B1083E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127"/>
          <a:stretch/>
        </p:blipFill>
        <p:spPr>
          <a:xfrm>
            <a:off x="0" y="145550"/>
            <a:ext cx="8301789" cy="6620676"/>
          </a:xfrm>
          <a:prstGeom prst="rect">
            <a:avLst/>
          </a:prstGeom>
          <a:noFill/>
        </p:spPr>
      </p:pic>
      <p:pic>
        <p:nvPicPr>
          <p:cNvPr id="4" name="Grafik 3">
            <a:extLst>
              <a:ext uri="{FF2B5EF4-FFF2-40B4-BE49-F238E27FC236}">
                <a16:creationId xmlns:a16="http://schemas.microsoft.com/office/drawing/2014/main" id="{EA2C3C9B-51E4-4D7C-9E9E-CE6DD279EB4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939464" y="1548063"/>
            <a:ext cx="4114800" cy="4114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9012259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ENT" val="&lt;content&gt;&#10;  &lt;element&gt;&#10;    &lt;prefix&gt;&lt;/prefix&gt;&#10;    &lt;value&gt;%SD_OFF_Institute%&lt;/value&gt;&#10;    &lt;postfix&gt;&lt;/postfix&gt;&#10;  &lt;/element&gt;&#10;  &lt;element&gt;&#10;    &lt;prefix&gt;&amp;#11;&lt;/prefix&gt;&#10;    &lt;value&gt;%USR_Department%&lt;/value&gt;&#10;    &lt;postfix&gt;&lt;/postfix&gt;&#10;  &lt;/element&gt;&#10;  &lt;element&gt;&#10;    &lt;prefix&gt;&amp;#11;&lt;/prefix&gt;&#10;    &lt;value&gt;%USR_Speciality%&lt;/value&gt;&#10;    &lt;postfix&gt;&lt;/postfix&gt;&#10;  &lt;/element&gt;&#10;  &lt;element&gt;&#10;    &lt;prefix&gt;&amp;#11;&lt;/prefix&gt;&#10;    &lt;value&gt;%USR_Unit%&lt;/value&gt;&#10;    &lt;postfix&gt;&lt;/postfix&gt;&#10;  &lt;/element&gt;&#10;  &lt;element&gt;&#10;    &lt;prefix&gt;&amp;#11;&lt;/prefix&gt;&#10;    &lt;value&gt;%USR_Email%&lt;/value&gt;&#10;    &lt;postfix&gt;&lt;/postfix&gt;&#10;  &lt;/element&gt;&#10;    &lt;element&gt;&#10;    &lt;prefix&gt;&amp;#11;&lt;/prefix&gt;&#10;    &lt;value&gt;%USR_DirectPhone%&lt;/value&gt;&#10;    &lt;postfix&gt;&lt;/postfix&gt;&#10;  &lt;/element&gt;&#10;&#10;&lt;/content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ENT" val="&lt;content&gt;&#10;  &lt;element&gt;&#10;    &lt;prefix&gt;&lt;/prefix&gt;&#10;    &lt;value&gt;%SD_OFF_Institute%&lt;/value&gt;&#10;    &lt;postfix&gt;&lt;/postfix&gt;&#10;  &lt;/element&gt;&#10;  &lt;element&gt;&#10;    &lt;prefix&gt;&amp;#11;&lt;/prefix&gt;&#10;    &lt;value&gt;%USR_Department%&lt;/value&gt;&#10;    &lt;postfix&gt;&lt;/postfix&gt;&#10;  &lt;/element&gt;&#10;  &lt;element&gt;&#10;    &lt;prefix&gt;&amp;#11;&lt;/prefix&gt;&#10;    &lt;value&gt;%USR_Speciality%&lt;/value&gt;&#10;    &lt;postfix&gt;&lt;/postfix&gt;&#10;  &lt;/element&gt;&#10;  &lt;element&gt;&#10;    &lt;prefix&gt;&amp;#11;&lt;/prefix&gt;&#10;    &lt;value&gt;%USR_Unit%&lt;/value&gt;&#10;    &lt;postfix&gt;&lt;/postfix&gt;&#10;  &lt;/element&gt;&#10;  &lt;element&gt;&#10;    &lt;prefix&gt;&amp;#11;&lt;/prefix&gt;&#10;    &lt;value&gt;%USR_Email%&lt;/value&gt;&#10;    &lt;postfix&gt;&lt;/postfix&gt;&#10;  &lt;/element&gt;&#10;    &lt;element&gt;&#10;    &lt;prefix&gt;&amp;#11;&lt;/prefix&gt;&#10;    &lt;value&gt;%USR_DirectPhone%&lt;/value&gt;&#10;    &lt;postfix&gt;&lt;/postfix&gt;&#10;  &lt;/element&gt;&#10;&#10;&lt;/content&gt;"/>
</p:tagLst>
</file>

<file path=ppt/theme/theme1.xml><?xml version="1.0" encoding="utf-8"?>
<a:theme xmlns:a="http://schemas.openxmlformats.org/drawingml/2006/main" name="Blank">
  <a:themeElements>
    <a:clrScheme name="RegionNordjylland_Rød">
      <a:dk1>
        <a:srgbClr val="000000"/>
      </a:dk1>
      <a:lt1>
        <a:srgbClr val="FFFFFF"/>
      </a:lt1>
      <a:dk2>
        <a:srgbClr val="411F27"/>
      </a:dk2>
      <a:lt2>
        <a:srgbClr val="ADC2C7"/>
      </a:lt2>
      <a:accent1>
        <a:srgbClr val="822433"/>
      </a:accent1>
      <a:accent2>
        <a:srgbClr val="E37222"/>
      </a:accent2>
      <a:accent3>
        <a:srgbClr val="4E161F"/>
      </a:accent3>
      <a:accent4>
        <a:srgbClr val="C00000"/>
      </a:accent4>
      <a:accent5>
        <a:srgbClr val="FF4040"/>
      </a:accent5>
      <a:accent6>
        <a:srgbClr val="000000"/>
      </a:accent6>
      <a:hlink>
        <a:srgbClr val="0000FF"/>
      </a:hlink>
      <a:folHlink>
        <a:srgbClr val="800080"/>
      </a:folHlink>
    </a:clrScheme>
    <a:fontScheme name="Arial">
      <a:majorFont>
        <a:latin typeface="Arial"/>
        <a:ea typeface=""/>
        <a:cs typeface="Arial"/>
      </a:majorFont>
      <a:minorFont>
        <a:latin typeface="Arial"/>
        <a:ea typeface="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72000" rIns="72000" bIns="7200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>
          <a:defRPr dirty="0" err="1" smtClean="0"/>
        </a:defPPr>
      </a:lstStyle>
    </a:txDef>
  </a:objectDefaults>
  <a:extraClrSchemeLst/>
  <a:custClrLst>
    <a:custClr name="Koncern - Rød">
      <a:srgbClr val="822433"/>
    </a:custClr>
    <a:custClr name="74/21/29">
      <a:srgbClr val="4A151D"/>
    </a:custClr>
    <a:custClr name="66/32/37">
      <a:srgbClr val="422025"/>
    </a:custClr>
    <a:custClr name="31/31/25">
      <a:srgbClr val="1F1F19"/>
    </a:custClr>
    <a:custClr name="90/89/89">
      <a:srgbClr val="5A5959"/>
    </a:custClr>
    <a:custClr name="68/58/126">
      <a:srgbClr val="443A7E"/>
    </a:custClr>
    <a:custClr name="136/37/125">
      <a:srgbClr val="88257D"/>
    </a:custClr>
    <a:custClr name="191/181/191">
      <a:srgbClr val="BFB5BF"/>
    </a:custClr>
    <a:custClr name="196/198/201">
      <a:srgbClr val="C4C6C9"/>
    </a:custClr>
    <a:custClr name="249/249/249">
      <a:srgbClr val="F9F9F9"/>
    </a:custClr>
    <a:custClr name="Sundhed - Blå">
      <a:srgbClr val="006983"/>
    </a:custClr>
    <a:custClr name="0/40/57">
      <a:srgbClr val="002839"/>
    </a:custClr>
    <a:custClr name="18/57/71">
      <a:srgbClr val="123947"/>
    </a:custClr>
    <a:custClr name="75/102/113">
      <a:srgbClr val="4B6671"/>
    </a:custClr>
    <a:custClr name="186/199/202">
      <a:srgbClr val="BAC7CA"/>
    </a:custClr>
    <a:custClr name="173/204/210">
      <a:srgbClr val="ADCCD2"/>
    </a:custClr>
    <a:custClr name="109/170/180">
      <a:srgbClr val="6DAAB4"/>
    </a:custClr>
    <a:custClr name="0/152/175">
      <a:srgbClr val="0098AF"/>
    </a:custClr>
    <a:custClr name="84/104/124">
      <a:srgbClr val="54687C"/>
    </a:custClr>
    <a:custClr name="141/152/161">
      <a:srgbClr val="8D98A1"/>
    </a:custClr>
    <a:custClr name="Specialsektor - Orange">
      <a:srgbClr val="E37222"/>
    </a:custClr>
    <a:custClr name="136/51/21">
      <a:srgbClr val="883315"/>
    </a:custClr>
    <a:custClr name="173/57/31">
      <a:srgbClr val="AD391F"/>
    </a:custClr>
    <a:custClr name="202/79/28">
      <a:srgbClr val="CA4F1C"/>
    </a:custClr>
    <a:custClr name="231/188/64">
      <a:srgbClr val="E7BC40"/>
    </a:custClr>
    <a:custClr name="173/167/159">
      <a:srgbClr val="ADA79F"/>
    </a:custClr>
    <a:custClr name="219/217/193">
      <a:srgbClr val="DBD9C1"/>
    </a:custClr>
    <a:custClr name="244/235/214">
      <a:srgbClr val="F4EBD6"/>
    </a:custClr>
    <a:custClr name="247/246/212">
      <a:srgbClr val="F7F6D4"/>
    </a:custClr>
    <a:custClr name="244/243/244">
      <a:srgbClr val="F4F3F4"/>
    </a:custClr>
    <a:custClr name="Regional Udvikling - Grøn">
      <a:srgbClr val="3C8A2E"/>
    </a:custClr>
    <a:custClr name="29/65/41">
      <a:srgbClr val="1D4129"/>
    </a:custClr>
    <a:custClr name="36/55/92">
      <a:srgbClr val="24375C"/>
    </a:custClr>
    <a:custClr name="55/81/44">
      <a:srgbClr val="37512C"/>
    </a:custClr>
    <a:custClr name="100/123/102">
      <a:srgbClr val="647B66"/>
    </a:custClr>
    <a:custClr name="120/132/101">
      <a:srgbClr val="788465"/>
    </a:custClr>
    <a:custClr name="159/161/112">
      <a:srgbClr val="9FA170"/>
    </a:custClr>
    <a:custClr name="178/186/161">
      <a:srgbClr val="B2BAA1"/>
    </a:custClr>
    <a:custClr name="214/230/212">
      <a:srgbClr val="D6E6D4"/>
    </a:custClr>
    <a:custClr name="175/166/145">
      <a:srgbClr val="AFA691"/>
    </a:custClr>
    <a:custClr name="103/112/118">
      <a:srgbClr val="677076"/>
    </a:custClr>
    <a:custClr name="189/196/207">
      <a:srgbClr val="BDC4CF"/>
    </a:custClr>
    <a:custClr name="145/159/156">
      <a:srgbClr val="919F9C"/>
    </a:custClr>
    <a:custClr name="182/194/195">
      <a:srgbClr val="B6C2C3"/>
    </a:custClr>
    <a:custClr name="190/195/193">
      <a:srgbClr val="BEC3C1"/>
    </a:custClr>
    <a:custClr name="179/181/167">
      <a:srgbClr val="B3B5A7"/>
    </a:custClr>
    <a:custClr name="130/138/117">
      <a:srgbClr val="828A75"/>
    </a:custClr>
    <a:custClr name="196/204/196">
      <a:srgbClr val="C4CCC4"/>
    </a:custClr>
    <a:custClr name="205/207/196">
      <a:srgbClr val="CDCFC4"/>
    </a:custClr>
    <a:custClr name="207/212/196">
      <a:srgbClr val="CFD4C4"/>
    </a:custClr>
  </a:custClrLst>
  <a:extLst>
    <a:ext uri="{05A4C25C-085E-4340-85A3-A5531E510DB2}">
      <thm15:themeFamily xmlns:thm15="http://schemas.microsoft.com/office/thememl/2012/main" name="Blank.potx" id="{B6E132A5-DA0B-4316-9FD5-999C043CDA5E}" vid="{FA44E69A-D792-473E-ABF5-BEEEDBAC2CD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Koncern - Rød">
      <a:srgbClr val="822433"/>
    </a:custClr>
    <a:custClr name="74/21/29">
      <a:srgbClr val="4A151D"/>
    </a:custClr>
    <a:custClr name="66/32/37">
      <a:srgbClr val="422025"/>
    </a:custClr>
    <a:custClr name="31/31/25">
      <a:srgbClr val="1F1F19"/>
    </a:custClr>
    <a:custClr name="90/89/89">
      <a:srgbClr val="5A5959"/>
    </a:custClr>
    <a:custClr name="68/58/126">
      <a:srgbClr val="443A7E"/>
    </a:custClr>
    <a:custClr name="136/37/125">
      <a:srgbClr val="88257D"/>
    </a:custClr>
    <a:custClr name="191/181/191">
      <a:srgbClr val="BFB5BF"/>
    </a:custClr>
    <a:custClr name="196/198/201">
      <a:srgbClr val="C4C6C9"/>
    </a:custClr>
    <a:custClr name="249/249/249">
      <a:srgbClr val="F9F9F9"/>
    </a:custClr>
    <a:custClr name="Sundhed - Blå">
      <a:srgbClr val="006983"/>
    </a:custClr>
    <a:custClr name="0/40/57">
      <a:srgbClr val="002839"/>
    </a:custClr>
    <a:custClr name="18/57/71">
      <a:srgbClr val="123947"/>
    </a:custClr>
    <a:custClr name="75/102/113">
      <a:srgbClr val="4B6671"/>
    </a:custClr>
    <a:custClr name="186/199/202">
      <a:srgbClr val="BAC7CA"/>
    </a:custClr>
    <a:custClr name="173/204/210">
      <a:srgbClr val="ADCCD2"/>
    </a:custClr>
    <a:custClr name="109/170/180">
      <a:srgbClr val="6DAAB4"/>
    </a:custClr>
    <a:custClr name="0/152/175">
      <a:srgbClr val="0098AF"/>
    </a:custClr>
    <a:custClr name="84/104/124">
      <a:srgbClr val="54687C"/>
    </a:custClr>
    <a:custClr name="141/152/161">
      <a:srgbClr val="8D98A1"/>
    </a:custClr>
    <a:custClr name="Specialsektor - Orange">
      <a:srgbClr val="E37222"/>
    </a:custClr>
    <a:custClr name="136/51/21">
      <a:srgbClr val="883315"/>
    </a:custClr>
    <a:custClr name="173/57/31">
      <a:srgbClr val="AD391F"/>
    </a:custClr>
    <a:custClr name="202/79/28">
      <a:srgbClr val="CA4F1C"/>
    </a:custClr>
    <a:custClr name="231/188/64">
      <a:srgbClr val="E7BC40"/>
    </a:custClr>
    <a:custClr name="173/167/159">
      <a:srgbClr val="ADA79F"/>
    </a:custClr>
    <a:custClr name="219/217/193">
      <a:srgbClr val="DBD9C1"/>
    </a:custClr>
    <a:custClr name="244/235/214">
      <a:srgbClr val="F4EBD6"/>
    </a:custClr>
    <a:custClr name="247/246/212">
      <a:srgbClr val="F7F6D4"/>
    </a:custClr>
    <a:custClr name="244/243/244">
      <a:srgbClr val="F4F3F4"/>
    </a:custClr>
    <a:custClr name="Regional Udvikling - Grøn">
      <a:srgbClr val="3C8A2E"/>
    </a:custClr>
    <a:custClr name="29/65/41">
      <a:srgbClr val="1D4129"/>
    </a:custClr>
    <a:custClr name="36/55/92">
      <a:srgbClr val="24375C"/>
    </a:custClr>
    <a:custClr name="55/81/44">
      <a:srgbClr val="37512C"/>
    </a:custClr>
    <a:custClr name="100/123/102">
      <a:srgbClr val="647B66"/>
    </a:custClr>
    <a:custClr name="120/132/101">
      <a:srgbClr val="788465"/>
    </a:custClr>
    <a:custClr name="159/161/112">
      <a:srgbClr val="9FA170"/>
    </a:custClr>
    <a:custClr name="178/186/161">
      <a:srgbClr val="B2BAA1"/>
    </a:custClr>
    <a:custClr name="214/230/212">
      <a:srgbClr val="D6E6D4"/>
    </a:custClr>
    <a:custClr name="175/166/145">
      <a:srgbClr val="AFA691"/>
    </a:custClr>
    <a:custClr name="103/112/118">
      <a:srgbClr val="677076"/>
    </a:custClr>
    <a:custClr name="189/196/207">
      <a:srgbClr val="BDC4CF"/>
    </a:custClr>
    <a:custClr name="145/159/156">
      <a:srgbClr val="919F9C"/>
    </a:custClr>
    <a:custClr name="182/194/195">
      <a:srgbClr val="B6C2C3"/>
    </a:custClr>
    <a:custClr name="190/195/193">
      <a:srgbClr val="BEC3C1"/>
    </a:custClr>
    <a:custClr name="179/181/167">
      <a:srgbClr val="B3B5A7"/>
    </a:custClr>
    <a:custClr name="130/138/117">
      <a:srgbClr val="828A75"/>
    </a:custClr>
    <a:custClr name="196/204/196">
      <a:srgbClr val="C4CCC4"/>
    </a:custClr>
    <a:custClr name="205/207/196">
      <a:srgbClr val="CDCFC4"/>
    </a:custClr>
    <a:custClr name="207/212/196">
      <a:srgbClr val="CFD4C4"/>
    </a:custClr>
  </a:custClr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Koncern - Rød">
      <a:srgbClr val="822433"/>
    </a:custClr>
    <a:custClr name="74/21/29">
      <a:srgbClr val="4A151D"/>
    </a:custClr>
    <a:custClr name="66/32/37">
      <a:srgbClr val="422025"/>
    </a:custClr>
    <a:custClr name="31/31/25">
      <a:srgbClr val="1F1F19"/>
    </a:custClr>
    <a:custClr name="90/89/89">
      <a:srgbClr val="5A5959"/>
    </a:custClr>
    <a:custClr name="68/58/126">
      <a:srgbClr val="443A7E"/>
    </a:custClr>
    <a:custClr name="136/37/125">
      <a:srgbClr val="88257D"/>
    </a:custClr>
    <a:custClr name="191/181/191">
      <a:srgbClr val="BFB5BF"/>
    </a:custClr>
    <a:custClr name="196/198/201">
      <a:srgbClr val="C4C6C9"/>
    </a:custClr>
    <a:custClr name="249/249/249">
      <a:srgbClr val="F9F9F9"/>
    </a:custClr>
    <a:custClr name="Sundhed - Blå">
      <a:srgbClr val="006983"/>
    </a:custClr>
    <a:custClr name="0/40/57">
      <a:srgbClr val="002839"/>
    </a:custClr>
    <a:custClr name="18/57/71">
      <a:srgbClr val="123947"/>
    </a:custClr>
    <a:custClr name="75/102/113">
      <a:srgbClr val="4B6671"/>
    </a:custClr>
    <a:custClr name="186/199/202">
      <a:srgbClr val="BAC7CA"/>
    </a:custClr>
    <a:custClr name="173/204/210">
      <a:srgbClr val="ADCCD2"/>
    </a:custClr>
    <a:custClr name="109/170/180">
      <a:srgbClr val="6DAAB4"/>
    </a:custClr>
    <a:custClr name="0/152/175">
      <a:srgbClr val="0098AF"/>
    </a:custClr>
    <a:custClr name="84/104/124">
      <a:srgbClr val="54687C"/>
    </a:custClr>
    <a:custClr name="141/152/161">
      <a:srgbClr val="8D98A1"/>
    </a:custClr>
    <a:custClr name="Specialsektor - Orange">
      <a:srgbClr val="E37222"/>
    </a:custClr>
    <a:custClr name="136/51/21">
      <a:srgbClr val="883315"/>
    </a:custClr>
    <a:custClr name="173/57/31">
      <a:srgbClr val="AD391F"/>
    </a:custClr>
    <a:custClr name="202/79/28">
      <a:srgbClr val="CA4F1C"/>
    </a:custClr>
    <a:custClr name="231/188/64">
      <a:srgbClr val="E7BC40"/>
    </a:custClr>
    <a:custClr name="173/167/159">
      <a:srgbClr val="ADA79F"/>
    </a:custClr>
    <a:custClr name="219/217/193">
      <a:srgbClr val="DBD9C1"/>
    </a:custClr>
    <a:custClr name="244/235/214">
      <a:srgbClr val="F4EBD6"/>
    </a:custClr>
    <a:custClr name="247/246/212">
      <a:srgbClr val="F7F6D4"/>
    </a:custClr>
    <a:custClr name="244/243/244">
      <a:srgbClr val="F4F3F4"/>
    </a:custClr>
    <a:custClr name="Regional Udvikling - Grøn">
      <a:srgbClr val="3C8A2E"/>
    </a:custClr>
    <a:custClr name="29/65/41">
      <a:srgbClr val="1D4129"/>
    </a:custClr>
    <a:custClr name="36/55/92">
      <a:srgbClr val="24375C"/>
    </a:custClr>
    <a:custClr name="55/81/44">
      <a:srgbClr val="37512C"/>
    </a:custClr>
    <a:custClr name="100/123/102">
      <a:srgbClr val="647B66"/>
    </a:custClr>
    <a:custClr name="120/132/101">
      <a:srgbClr val="788465"/>
    </a:custClr>
    <a:custClr name="159/161/112">
      <a:srgbClr val="9FA170"/>
    </a:custClr>
    <a:custClr name="178/186/161">
      <a:srgbClr val="B2BAA1"/>
    </a:custClr>
    <a:custClr name="214/230/212">
      <a:srgbClr val="D6E6D4"/>
    </a:custClr>
    <a:custClr name="175/166/145">
      <a:srgbClr val="AFA691"/>
    </a:custClr>
    <a:custClr name="103/112/118">
      <a:srgbClr val="677076"/>
    </a:custClr>
    <a:custClr name="189/196/207">
      <a:srgbClr val="BDC4CF"/>
    </a:custClr>
    <a:custClr name="145/159/156">
      <a:srgbClr val="919F9C"/>
    </a:custClr>
    <a:custClr name="182/194/195">
      <a:srgbClr val="B6C2C3"/>
    </a:custClr>
    <a:custClr name="190/195/193">
      <a:srgbClr val="BEC3C1"/>
    </a:custClr>
    <a:custClr name="179/181/167">
      <a:srgbClr val="B3B5A7"/>
    </a:custClr>
    <a:custClr name="130/138/117">
      <a:srgbClr val="828A75"/>
    </a:custClr>
    <a:custClr name="196/204/196">
      <a:srgbClr val="C4CCC4"/>
    </a:custClr>
    <a:custClr name="205/207/196">
      <a:srgbClr val="CDCFC4"/>
    </a:custClr>
    <a:custClr name="207/212/196">
      <a:srgbClr val="CFD4C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RegionNordjylland_Rød">
    <a:dk1>
      <a:sysClr val="windowText" lastClr="000000"/>
    </a:dk1>
    <a:lt1>
      <a:srgbClr val="FFFFFF"/>
    </a:lt1>
    <a:dk2>
      <a:srgbClr val="411F27"/>
    </a:dk2>
    <a:lt2>
      <a:srgbClr val="ADC2C7"/>
    </a:lt2>
    <a:accent1>
      <a:srgbClr val="822433"/>
    </a:accent1>
    <a:accent2>
      <a:srgbClr val="E37222"/>
    </a:accent2>
    <a:accent3>
      <a:srgbClr val="4E161F"/>
    </a:accent3>
    <a:accent4>
      <a:srgbClr val="C00000"/>
    </a:accent4>
    <a:accent5>
      <a:srgbClr val="FF4040"/>
    </a:accent5>
    <a:accent6>
      <a:srgbClr val="000000"/>
    </a:accent6>
    <a:hlink>
      <a:srgbClr val="0000FF"/>
    </a:hlink>
    <a:folHlink>
      <a:srgbClr val="800080"/>
    </a:folHlink>
  </a:clrScheme>
</a:themeOverride>
</file>

<file path=ppt/theme/themeOverride2.xml><?xml version="1.0" encoding="utf-8"?>
<a:themeOverride xmlns:a="http://schemas.openxmlformats.org/drawingml/2006/main">
  <a:clrScheme name="RegionNordjylland_Rød">
    <a:dk1>
      <a:sysClr val="windowText" lastClr="000000"/>
    </a:dk1>
    <a:lt1>
      <a:srgbClr val="FFFFFF"/>
    </a:lt1>
    <a:dk2>
      <a:srgbClr val="411F27"/>
    </a:dk2>
    <a:lt2>
      <a:srgbClr val="ADC2C7"/>
    </a:lt2>
    <a:accent1>
      <a:srgbClr val="822433"/>
    </a:accent1>
    <a:accent2>
      <a:srgbClr val="E37222"/>
    </a:accent2>
    <a:accent3>
      <a:srgbClr val="4E161F"/>
    </a:accent3>
    <a:accent4>
      <a:srgbClr val="C00000"/>
    </a:accent4>
    <a:accent5>
      <a:srgbClr val="FF4040"/>
    </a:accent5>
    <a:accent6>
      <a:srgbClr val="000000"/>
    </a:accent6>
    <a:hlink>
      <a:srgbClr val="0000FF"/>
    </a:hlink>
    <a:folHlink>
      <a:srgbClr val="800080"/>
    </a:folHlink>
  </a:clrScheme>
</a:themeOverride>
</file>

<file path=ppt/theme/themeOverride3.xml><?xml version="1.0" encoding="utf-8"?>
<a:themeOverride xmlns:a="http://schemas.openxmlformats.org/drawingml/2006/main">
  <a:clrScheme name="RegionNordjylland_Rød">
    <a:dk1>
      <a:sysClr val="windowText" lastClr="000000"/>
    </a:dk1>
    <a:lt1>
      <a:srgbClr val="FFFFFF"/>
    </a:lt1>
    <a:dk2>
      <a:srgbClr val="411F27"/>
    </a:dk2>
    <a:lt2>
      <a:srgbClr val="ADC2C7"/>
    </a:lt2>
    <a:accent1>
      <a:srgbClr val="822433"/>
    </a:accent1>
    <a:accent2>
      <a:srgbClr val="E37222"/>
    </a:accent2>
    <a:accent3>
      <a:srgbClr val="4E161F"/>
    </a:accent3>
    <a:accent4>
      <a:srgbClr val="C00000"/>
    </a:accent4>
    <a:accent5>
      <a:srgbClr val="FF4040"/>
    </a:accent5>
    <a:accent6>
      <a:srgbClr val="000000"/>
    </a:accent6>
    <a:hlink>
      <a:srgbClr val="0000FF"/>
    </a:hlink>
    <a:folHlink>
      <a:srgbClr val="800080"/>
    </a:folHlink>
  </a:clrScheme>
</a:themeOverride>
</file>

<file path=ppt/theme/themeOverride4.xml><?xml version="1.0" encoding="utf-8"?>
<a:themeOverride xmlns:a="http://schemas.openxmlformats.org/drawingml/2006/main">
  <a:clrScheme name="RegionNordjylland_Rød">
    <a:dk1>
      <a:sysClr val="windowText" lastClr="000000"/>
    </a:dk1>
    <a:lt1>
      <a:srgbClr val="FFFFFF"/>
    </a:lt1>
    <a:dk2>
      <a:srgbClr val="411F27"/>
    </a:dk2>
    <a:lt2>
      <a:srgbClr val="ADC2C7"/>
    </a:lt2>
    <a:accent1>
      <a:srgbClr val="822433"/>
    </a:accent1>
    <a:accent2>
      <a:srgbClr val="E37222"/>
    </a:accent2>
    <a:accent3>
      <a:srgbClr val="4E161F"/>
    </a:accent3>
    <a:accent4>
      <a:srgbClr val="C00000"/>
    </a:accent4>
    <a:accent5>
      <a:srgbClr val="FF4040"/>
    </a:accent5>
    <a:accent6>
      <a:srgbClr val="000000"/>
    </a:accent6>
    <a:hlink>
      <a:srgbClr val="0000FF"/>
    </a:hlink>
    <a:folHlink>
      <a:srgbClr val="800080"/>
    </a:folHlink>
  </a:clrScheme>
</a:themeOverride>
</file>

<file path=ppt/theme/themeOverride5.xml><?xml version="1.0" encoding="utf-8"?>
<a:themeOverride xmlns:a="http://schemas.openxmlformats.org/drawingml/2006/main">
  <a:clrScheme name="RegionNordjylland_Rød">
    <a:dk1>
      <a:sysClr val="windowText" lastClr="000000"/>
    </a:dk1>
    <a:lt1>
      <a:srgbClr val="FFFFFF"/>
    </a:lt1>
    <a:dk2>
      <a:srgbClr val="411F27"/>
    </a:dk2>
    <a:lt2>
      <a:srgbClr val="ADC2C7"/>
    </a:lt2>
    <a:accent1>
      <a:srgbClr val="822433"/>
    </a:accent1>
    <a:accent2>
      <a:srgbClr val="E37222"/>
    </a:accent2>
    <a:accent3>
      <a:srgbClr val="4E161F"/>
    </a:accent3>
    <a:accent4>
      <a:srgbClr val="C00000"/>
    </a:accent4>
    <a:accent5>
      <a:srgbClr val="FF4040"/>
    </a:accent5>
    <a:accent6>
      <a:srgbClr val="000000"/>
    </a:accent6>
    <a:hlink>
      <a:srgbClr val="0000FF"/>
    </a:hlink>
    <a:folHlink>
      <a:srgbClr val="800080"/>
    </a:folHlink>
  </a:clr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0,"isValidatorEnabled":false,"isLocked":false,"elementsMetadata":[],"slideId":"638109273433181084","enableDocumentContentUpdater":true,"version":"1.12"}]]></TemplafySlideTemplateConfiguration>
</file>

<file path=customXml/item11.xml><?xml version="1.0" encoding="utf-8"?>
<TemplafySlideTemplateConfiguration><![CDATA[{"slideVersion":0,"isValidatorEnabled":false,"isLocked":false,"elementsMetadata":[],"slideId":"638109273432868586","enableDocumentContentUpdater":true,"version":"1.1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0,"isValidatorEnabled":false,"isLocked":false,"elementsMetadata":[],"slideId":"638109273433337347","enableDocumentContentUpdater":true,"version":"1.12"}]]></TemplafySlideTemplateConfiguration>
</file>

<file path=customXml/item16.xml><?xml version="1.0" encoding="utf-8"?>
<TemplafySlideTemplateConfiguration><![CDATA[{"slideVersion":0,"isValidatorEnabled":false,"isLocked":false,"elementsMetadata":[],"slideId":"638109273432712322","enableDocumentContentUpdater":true,"version":"1.12"}]]></TemplafySlideTemplateConfiguration>
</file>

<file path=customXml/item17.xml><?xml version="1.0" encoding="utf-8"?>
<TemplafySlideTemplateConfiguration><![CDATA[{"slideVersion":0,"isValidatorEnabled":false,"isLocked":false,"elementsMetadata":[],"slideId":"638109273433493550","enableDocumentContentUpdater":true,"version":"1.1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0,"isValidatorEnabled":false,"isLocked":false,"elementsMetadata":[],"slideId":"638109273433024821","enableDocumentContentUpdater":true,"version":"1.12"}]]></TemplafySlideTemplateConfiguration>
</file>

<file path=customXml/item2.xml><?xml version="1.0" encoding="utf-8"?>
<TemplafySlideTemplateConfiguration><![CDATA[{"slideVersion":0,"isValidatorEnabled":false,"isLocked":false,"elementsMetadata":[],"slideId":"638109273433337348","enableDocumentContentUpdater":true,"version":"1.12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0,"isValidatorEnabled":false,"isLocked":false,"elementsMetadata":[],"slideId":"638109273432868585","enableDocumentContentUpdater":true,"version":"1.12"}]]></TemplafySlideTemplateConfiguration>
</file>

<file path=customXml/item22.xml><?xml version="1.0" encoding="utf-8"?>
<TemplafySlideTemplateConfiguration><![CDATA[{"slideVersion":0,"isValidatorEnabled":false,"isLocked":false,"elementsMetadata":[],"slideId":"638107619174082226","enableDocumentContentUpdater":true,"version":"1.12"}]]></TemplafySlideTemplateConfiguration>
</file>

<file path=customXml/item23.xml><?xml version="1.0" encoding="utf-8"?>
<TemplafySlideTemplateConfiguration><![CDATA[{"slideVersion":0,"isValidatorEnabled":false,"isLocked":false,"elementsMetadata":[],"slideId":"638109273433181085","enableDocumentContentUpdater":true,"version":"1.12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E25F8D3CF99D6458D54A789056FBA17" ma:contentTypeVersion="10" ma:contentTypeDescription="Opret et nyt dokument." ma:contentTypeScope="" ma:versionID="58753ab3b92056ecc4cf38e3f7a25175">
  <xsd:schema xmlns:xsd="http://www.w3.org/2001/XMLSchema" xmlns:xs="http://www.w3.org/2001/XMLSchema" xmlns:p="http://schemas.microsoft.com/office/2006/metadata/properties" xmlns:ns2="e9f474ec-f3cb-459f-b460-0fd04f4391b4" xmlns:ns3="0dcf35b4-c20c-40b1-8b65-3d85a5d61287" targetNamespace="http://schemas.microsoft.com/office/2006/metadata/properties" ma:root="true" ma:fieldsID="199dd8e93c3a540ef92820760b85d873" ns2:_="" ns3:_="">
    <xsd:import namespace="e9f474ec-f3cb-459f-b460-0fd04f4391b4"/>
    <xsd:import namespace="0dcf35b4-c20c-40b1-8b65-3d85a5d6128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9f474ec-f3cb-459f-b460-0fd04f4391b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cf35b4-c20c-40b1-8b65-3d85a5d61287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SlideTemplateConfiguration><![CDATA[{"slideVersion":0,"isValidatorEnabled":false,"isLocked":false,"elementsMetadata":[],"slideId":"638109273432868587","enableDocumentContentUpdater":true,"version":"1.12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2.xml><?xml version="1.0" encoding="utf-8"?>
<TemplafySlideTemplateConfiguration><![CDATA[{"slideVersion":0,"isValidatorEnabled":false,"isLocked":false,"elementsMetadata":[],"slideId":"638109273433649803","enableDocumentContentUpdater":true,"version":"1.12"}]]></TemplafySlideTemplateConfiguration>
</file>

<file path=customXml/item33.xml><?xml version="1.0" encoding="utf-8"?>
<TemplafySlideTemplateConfiguration><![CDATA[{"slideVersion":0,"isValidatorEnabled":false,"isLocked":false,"elementsMetadata":[],"slideId":"638109273432712324","enableDocumentContentUpdater":true,"version":"1.12"}]]></TemplafySlideTemplateConfiguration>
</file>

<file path=customXml/item34.xml><?xml version="1.0" encoding="utf-8"?>
<TemplafyFormConfiguration><![CDATA[{"formFields":[],"formDataEntries":[]}]]></TemplafyFormConfiguration>
</file>

<file path=customXml/item35.xml><?xml version="1.0" encoding="utf-8"?>
<TemplafyTemplateConfiguration><![CDATA[{"elementsMetadata":[{"type":"shape","id":"c43549ba-b406-48a4-a865-12a5a6d671da","elementConfiguration":{"inheritDimensions":"inheritNone","width":"33.91 cm","binding":"UserProfile.Department.Pp_institutlinje","disableUpdates":false,"type":"image"}},{"type":"shape","id":"c192931e-cf4e-4453-b367-c2147c99867c","elementConfiguration":{"inheritDimensions":"inheritNone","width":"33.91 cm","binding":"UserProfile.Department.Pp_institutlinje","disableUpdates":false,"type":"image"}},{"type":"shape","id":"76b48551-bbcd-42b0-aa32-710d27c3362e","elementConfiguration":{"inheritDimensions":"inheritNone","width":"33.91 cm","binding":"UserProfile.Department.Pp_institutlinje","disableUpdates":false,"type":"image"}},{"type":"shape","id":"1756bfd2-8fd6-405b-927f-b964f7e683c8","elementConfiguration":{"inheritDimensions":"inheritNone","width":"33.91 cm","binding":"UserProfile.Department.Pp_institutlinje","disableUpdates":false,"type":"image"}},{"type":"shape","id":"79d72e5e-2160-44b3-9ce6-4809b617e721","elementConfiguration":{"binding":"UserProfile.DirectPhone","disableUpdates":false,"type":"text"}},{"type":"shape","id":"607ac630-c9e8-41c2-9e9d-71de273dfa14","elementConfiguration":{"binding":"UserProfile.Email","disableUpdates":false,"type":"text"}},{"type":"shape","id":"28386e4d-92a4-46fe-acd6-bb7ba696916d","elementConfiguration":{"binding":"UserProfile.DepartmentFreeText","disableUpdates":false,"type":"text"}},{"type":"shape","id":"275043f5-3b5a-410f-bf03-ba0521113883","elementConfiguration":{"binding":"UserProfile.Clinic","disableUpdates":false,"type":"text"}},{"type":"shape","id":"3fcfcb11-549e-468a-899b-c0fcd8e2aad0","elementConfiguration":{"binding":"UserProfile.Department.Institution","disableUpdates":false,"type":"text"}},{"type":"shape","id":"bbb8c90c-9cf8-40eb-834b-a3bfeb5c069b","elementConfiguration":{"binding":"UserProfile.Name","disableUpdates":false,"type":"text"}},{"type":"shape","id":"504576fc-d3eb-454f-a5c2-f0ec599a5837","elementConfiguration":{"binding":"UserProfile.Title","disableUpdates":false,"type":"text"}},{"type":"shape","id":"20d99e8e-185f-4037-9c50-b3fc35fdb79b","elementConfiguration":{"binding":"Translations.Takforidag","disableUpdates":false,"type":"text"}},{"type":"shape","id":"7d8b2900-2059-455f-a503-df790f2f4b30","elementConfiguration":{"inheritDimensions":"inheritNone","width":"33.91 cm","binding":"UserProfile.Department.Pp_institutlinje","disableUpdates":false,"type":"image"}},{"type":"shape","id":"82f2618a-6493-4641-a1e1-d3767254fcfe","elementConfiguration":{"inheritDimensions":"inheritNone","width":"33.91 cm","binding":"UserProfile.Department.Pp_institutlinje","disableUpdates":false,"type":"image"}},{"type":"shape","id":"0a23436e-f01f-4cee-9a33-c1c39cd8a34d","elementConfiguration":{"inheritDimensions":"inheritNone","width":"33.91 cm","binding":"UserProfile.Department.Pp_institutlinje","disableUpdates":false,"type":"image"}},{"type":"shape","id":"5547c1e0-57aa-4c04-aa6b-f1dac0b6ec72","elementConfiguration":{"inheritDimensions":"inheritNone","width":"","height":"","disableUpdates":false,"type":"image"}},{"type":"shape","id":"cb81fb47-08a7-47bf-bb4e-9924747e14cf","elementConfiguration":{"inheritDimensions":"inheritNone","width":"33.91 cm","height":"","binding":"UserProfile.Department.Pp_institutlinje","disableUpdates":false,"type":"image"}},{"type":"shape","id":"e91d6c42-1fb1-45b2-a350-e28bd9833a62","elementConfiguration":{"inheritDimensions":"inheritNone","height":"2 cm","binding":"UserProfile.Department.Pp_logoWhite","disableUpdates":false,"type":"image"}},{"type":"shape","id":"6f92a487-d013-4a49-85ab-37a21663cfd0","elementConfiguration":{"inheritDimensions":"inheritNone","height":"2 cm","binding":"UserProfile.Department.Pp_logoBlack","visibility":{"action":"hide","binding":"UserProfile.Department.Pp_logoBlack","operator":"notEquals","compareValue":"true","compareValues":[]},"disableUpdates":false,"type":"image"}},{"type":"shape","id":"7f399854-a3dd-441c-ba4d-fb0a8267518e","elementConfiguration":{"inheritDimensions":"inheritNone","width":"33.91 cm","binding":"UserProfile.Department.Pp_institutlinje","disableUpdates":false,"type":"image"}},{"type":"shape","id":"9f17480b-83fc-44b5-88b7-28f88452f9a0","elementConfiguration":{"inheritDimensions":"inheritNone","width":"33.91 cm","binding":"UserProfile.Department.Pp_institutlinje","disableUpdates":false,"type":"image"}},{"type":"shape","id":"543420a9-1ad1-4b14-829b-7e00e25b999a","elementConfiguration":{"inheritDimensions":"inheritNone","width":"","height":"","disableUpdates":false,"type":"image"}},{"type":"shape","id":"02087bff-b5c9-41e5-a0cb-02ced89a75c2","elementConfiguration":{"inheritDimensions":"inheritNone","width":"","height":"","disableUpdates":false,"type":"image"}},{"type":"shape","id":"5fb7df43-4b3d-434f-83b9-26143edab38c","elementConfiguration":{"inheritDimensions":"inheritNone","width":"33.91 cm","height":"","binding":"UserProfile.Department.Pp_institutlinje","disableUpdates":false,"type":"image"}},{"type":"shape","id":"370f4727-c011-4baa-bc5b-f6db4c7964bd","elementConfiguration":{"inheritDimensions":"inheritNone","height":"2 cm","binding":"UserProfile.Department.Pp_logoWhite","disableUpdates":false,"type":"image"}},{"type":"shape","id":"33b9fb81-8298-437a-9a54-e3a486a2ae54","elementConfiguration":{"inheritDimensions":"inheritNone","height":"2 cm","binding":"UserProfile.Department.Pp_logoBlack","visibility":{"action":"hide","binding":"UserProfile.Department.Pp_logoBlack","operator":"notEquals","compareValue":"true","compareValues":[]},"disableUpdates":false,"type":"image"}},{"type":"shape","id":"0968a8c4-69ea-4514-937d-12bc1fae801c","elementConfiguration":{"inheritDimensions":"inheritNone","width":"33.91 cm","binding":"UserProfile.Department.Pp_institutlinje","disableUpdates":false,"type":"image"}},{"type":"shape","id":"ab53caf0-b69d-4f01-b891-4970cea2996d","elementConfiguration":{"inheritDimensions":"inheritNone","width":"33.91 cm","binding":"UserProfile.Department.Pp_institutlinje","disableUpdates":false,"type":"image"}},{"type":"shape","id":"db44e592-bedb-42c4-9ff2-780a953ad021","elementConfiguration":{"inheritDimensions":"inheritNone","width":"33.91 cm","binding":"UserProfile.Department.Pp_institutlinje","disableUpdates":false,"type":"image"}},{"type":"shape","id":"ed005c5f-0359-4f85-8e78-73a3daf68a37","elementConfiguration":{"inheritDimensions":"inheritNone","width":"33.91 cm","binding":"UserProfile.Department.Pp_institutlinje","disableUpdates":false,"type":"image"}},{"type":"shape","id":"375130f7-2942-4579-8553-910d7bb3f8aa","elementConfiguration":{"inheritDimensions":"inheritNone","width":"33.91 cm","binding":"UserProfile.Department.Pp_institutlinje","disableUpdates":false,"type":"image"}},{"type":"shape","id":"33fd64bc-d790-4213-826b-971113abffc8","elementConfiguration":{"inheritDimensions":"inheritNone","width":"33.91 cm","binding":"UserProfile.Department.Pp_institutlinje","disableUpdates":false,"type":"image"}},{"type":"shape","id":"390453ba-13b1-4dce-b58a-e1cae6a54a3d","elementConfiguration":{"binding":"UserProfile.DirectPhone","disableUpdates":false,"type":"text"}},{"type":"shape","id":"cd7a132d-6c33-4b0a-9e0c-ce3d9117471d","elementConfiguration":{"binding":"UserProfile.Email","disableUpdates":false,"type":"text"}},{"type":"shape","id":"606aff0e-007a-4d48-8061-0ab31d492fc5","elementConfiguration":{"binding":"UserProfile.DepartmentFreeText","disableUpdates":false,"type":"text"}},{"type":"shape","id":"dd5d843b-20c8-4a75-a693-698faf09c375","elementConfiguration":{"binding":"UserProfile.Clinic","disableUpdates":false,"type":"text"}},{"type":"shape","id":"02099e7c-1bb0-4945-92d4-a7f74e367b00","elementConfiguration":{"binding":"UserProfile.Department.Institution","disableUpdates":false,"type":"text"}},{"type":"shape","id":"fbaf01dd-93c8-4e97-8ad7-fb11f72156dc","elementConfiguration":{"binding":"UserProfile.Name","disableUpdates":false,"type":"text"}},{"type":"shape","id":"66e43636-8275-4c12-b92d-cb99c7740d1b","elementConfiguration":{"binding":"UserProfile.Title","disableUpdates":false,"type":"text"}},{"type":"shape","id":"daa81fff-2c46-407d-aeed-7ed33cd21d9b","elementConfiguration":{"binding":"Translations.Takforidag","disableUpdates":false,"type":"text"}}],"transformationConfigurations":[{"propertyName":"color","propertyValue":"{{UserProfile.Department.Pp_institutlinje}}","disableUpdates":false,"type":"customDocumentProperty"},{"propertyName":"logoname","propertyValue":"{{UserProfile.Department.Pp_logoWhite}}","disableUpdates":false,"type":"customDocumentProperty"}],"templateName":"","templateDescription":"","enableDocumentContentUpdater":true,"version":"1.12"}]]></TemplafyTemplateConfiguration>
</file>

<file path=customXml/item36.xml><?xml version="1.0" encoding="utf-8"?>
<TemplafySlideTemplateConfiguration><![CDATA[{"slideVersion":0,"isValidatorEnabled":false,"isLocked":false,"elementsMetadata":[],"slideId":"638109273433181083","enableDocumentContentUpdater":true,"version":"1.12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0,"isValidatorEnabled":false,"isLocked":false,"elementsMetadata":[],"slideId":"638109273433493548","enableDocumentContentUpdater":true,"version":"1.12"}]]></TemplafySlideTemplateConfiguration>
</file>

<file path=customXml/item40.xml><?xml version="1.0" encoding="utf-8"?>
<TemplafySlideTemplateConfiguration><![CDATA[{"slideVersion":0,"isValidatorEnabled":false,"isLocked":false,"elementsMetadata":[],"slideId":"638109273433806060","enableDocumentContentUpdater":true,"version":"1.12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0,"isValidatorEnabled":false,"isLocked":false,"elementsMetadata":[],"slideId":"638109273433024822","enableDocumentContentUpdater":true,"version":"1.12"}]]></TemplafySlideTemplateConfiguration>
</file>

<file path=customXml/item43.xml><?xml version="1.0" encoding="utf-8"?>
<TemplafySlideTemplateConfiguration><![CDATA[{"slideVersion":0,"isValidatorEnabled":false,"isLocked":false,"elementsMetadata":[],"slideId":"638109273432556040","enableDocumentContentUpdater":true,"version":"1.12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0,"isValidatorEnabled":false,"isLocked":false,"elementsMetadata":[],"slideId":"638109273432712322","enableDocumentContentUpdater":true,"version":"1.12"}]]></TemplafySlideTemplate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slideVersion":0,"isValidatorEnabled":false,"isLocked":false,"elementsMetadata":[],"slideId":"638109273432556039","enableDocumentContentUpdater":true,"version":"1.12"}]]></TemplafySlideTemplateConfiguration>
</file>

<file path=customXml/item5.xml><?xml version="1.0" encoding="utf-8"?>
<TemplafySlideTemplateConfiguration><![CDATA[{"slideVersion":0,"isValidatorEnabled":false,"isLocked":false,"elementsMetadata":[],"slideId":"638109273432868584","enableDocumentContentUpdater":true,"version":"1.1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CA28B3B-67A5-47AC-9C23-710DD7F5BA2E}">
  <ds:schemaRefs/>
</ds:datastoreItem>
</file>

<file path=customXml/itemProps10.xml><?xml version="1.0" encoding="utf-8"?>
<ds:datastoreItem xmlns:ds="http://schemas.openxmlformats.org/officeDocument/2006/customXml" ds:itemID="{53FD1AC7-F8CB-471C-8F61-74A913F63CB5}">
  <ds:schemaRefs/>
</ds:datastoreItem>
</file>

<file path=customXml/itemProps11.xml><?xml version="1.0" encoding="utf-8"?>
<ds:datastoreItem xmlns:ds="http://schemas.openxmlformats.org/officeDocument/2006/customXml" ds:itemID="{7644BDB1-F698-4755-B588-DF8BC683423B}">
  <ds:schemaRefs/>
</ds:datastoreItem>
</file>

<file path=customXml/itemProps12.xml><?xml version="1.0" encoding="utf-8"?>
<ds:datastoreItem xmlns:ds="http://schemas.openxmlformats.org/officeDocument/2006/customXml" ds:itemID="{B4D4A66D-476A-4763-8903-430673EEF214}">
  <ds:schemaRefs/>
</ds:datastoreItem>
</file>

<file path=customXml/itemProps13.xml><?xml version="1.0" encoding="utf-8"?>
<ds:datastoreItem xmlns:ds="http://schemas.openxmlformats.org/officeDocument/2006/customXml" ds:itemID="{6DB42B5F-2242-48E1-AA55-B68DA1A1EB9D}">
  <ds:schemaRefs/>
</ds:datastoreItem>
</file>

<file path=customXml/itemProps14.xml><?xml version="1.0" encoding="utf-8"?>
<ds:datastoreItem xmlns:ds="http://schemas.openxmlformats.org/officeDocument/2006/customXml" ds:itemID="{B952AB4F-A24F-46D7-B1DA-550A76847E29}">
  <ds:schemaRefs/>
</ds:datastoreItem>
</file>

<file path=customXml/itemProps15.xml><?xml version="1.0" encoding="utf-8"?>
<ds:datastoreItem xmlns:ds="http://schemas.openxmlformats.org/officeDocument/2006/customXml" ds:itemID="{F9284C77-208A-4E11-A670-3058AAA1CF84}">
  <ds:schemaRefs/>
</ds:datastoreItem>
</file>

<file path=customXml/itemProps16.xml><?xml version="1.0" encoding="utf-8"?>
<ds:datastoreItem xmlns:ds="http://schemas.openxmlformats.org/officeDocument/2006/customXml" ds:itemID="{84604398-6A8F-4EB2-9539-F5BE076CC361}">
  <ds:schemaRefs/>
</ds:datastoreItem>
</file>

<file path=customXml/itemProps17.xml><?xml version="1.0" encoding="utf-8"?>
<ds:datastoreItem xmlns:ds="http://schemas.openxmlformats.org/officeDocument/2006/customXml" ds:itemID="{847C3BB2-A401-4221-99C4-DEB052271ACD}">
  <ds:schemaRefs/>
</ds:datastoreItem>
</file>

<file path=customXml/itemProps18.xml><?xml version="1.0" encoding="utf-8"?>
<ds:datastoreItem xmlns:ds="http://schemas.openxmlformats.org/officeDocument/2006/customXml" ds:itemID="{5774F9DF-479F-4CE4-9E8C-0F5662AB2B42}">
  <ds:schemaRefs/>
</ds:datastoreItem>
</file>

<file path=customXml/itemProps19.xml><?xml version="1.0" encoding="utf-8"?>
<ds:datastoreItem xmlns:ds="http://schemas.openxmlformats.org/officeDocument/2006/customXml" ds:itemID="{F5BB867D-3C01-41B8-B89D-1271929894DF}">
  <ds:schemaRefs/>
</ds:datastoreItem>
</file>

<file path=customXml/itemProps2.xml><?xml version="1.0" encoding="utf-8"?>
<ds:datastoreItem xmlns:ds="http://schemas.openxmlformats.org/officeDocument/2006/customXml" ds:itemID="{CB1DF8D9-51A4-4575-AB8F-3A5DD9DCF07D}">
  <ds:schemaRefs/>
</ds:datastoreItem>
</file>

<file path=customXml/itemProps20.xml><?xml version="1.0" encoding="utf-8"?>
<ds:datastoreItem xmlns:ds="http://schemas.openxmlformats.org/officeDocument/2006/customXml" ds:itemID="{66DA1F29-E86B-4BFF-B026-34C971C1386F}">
  <ds:schemaRefs/>
</ds:datastoreItem>
</file>

<file path=customXml/itemProps21.xml><?xml version="1.0" encoding="utf-8"?>
<ds:datastoreItem xmlns:ds="http://schemas.openxmlformats.org/officeDocument/2006/customXml" ds:itemID="{B3F32D72-2BA3-4D38-B345-16BB544B5298}">
  <ds:schemaRefs/>
</ds:datastoreItem>
</file>

<file path=customXml/itemProps22.xml><?xml version="1.0" encoding="utf-8"?>
<ds:datastoreItem xmlns:ds="http://schemas.openxmlformats.org/officeDocument/2006/customXml" ds:itemID="{134EC5EA-27F1-4FE6-9B5F-438FBABBF7A0}">
  <ds:schemaRefs/>
</ds:datastoreItem>
</file>

<file path=customXml/itemProps23.xml><?xml version="1.0" encoding="utf-8"?>
<ds:datastoreItem xmlns:ds="http://schemas.openxmlformats.org/officeDocument/2006/customXml" ds:itemID="{3AEBFC7B-51FC-4E43-9A5C-3C8FEF2544FC}">
  <ds:schemaRefs/>
</ds:datastoreItem>
</file>

<file path=customXml/itemProps24.xml><?xml version="1.0" encoding="utf-8"?>
<ds:datastoreItem xmlns:ds="http://schemas.openxmlformats.org/officeDocument/2006/customXml" ds:itemID="{33A02ADF-A605-4C75-8055-34B0AB0321AC}">
  <ds:schemaRefs/>
</ds:datastoreItem>
</file>

<file path=customXml/itemProps25.xml><?xml version="1.0" encoding="utf-8"?>
<ds:datastoreItem xmlns:ds="http://schemas.openxmlformats.org/officeDocument/2006/customXml" ds:itemID="{753B38EE-C688-4E53-9186-08BAF1C46FCA}">
  <ds:schemaRefs/>
</ds:datastoreItem>
</file>

<file path=customXml/itemProps26.xml><?xml version="1.0" encoding="utf-8"?>
<ds:datastoreItem xmlns:ds="http://schemas.openxmlformats.org/officeDocument/2006/customXml" ds:itemID="{1D829F07-9D97-4D8E-AD7B-05837179A864}">
  <ds:schemaRefs/>
</ds:datastoreItem>
</file>

<file path=customXml/itemProps27.xml><?xml version="1.0" encoding="utf-8"?>
<ds:datastoreItem xmlns:ds="http://schemas.openxmlformats.org/officeDocument/2006/customXml" ds:itemID="{845D9AD7-88C7-4D1F-B1CA-C359FB37B039}">
  <ds:schemaRefs/>
</ds:datastoreItem>
</file>

<file path=customXml/itemProps28.xml><?xml version="1.0" encoding="utf-8"?>
<ds:datastoreItem xmlns:ds="http://schemas.openxmlformats.org/officeDocument/2006/customXml" ds:itemID="{39DD9B88-F4B5-4A22-94B7-2C5903A733BF}">
  <ds:schemaRefs/>
</ds:datastoreItem>
</file>

<file path=customXml/itemProps29.xml><?xml version="1.0" encoding="utf-8"?>
<ds:datastoreItem xmlns:ds="http://schemas.openxmlformats.org/officeDocument/2006/customXml" ds:itemID="{C487F9CE-8421-4161-8A0C-80D5A57790D2}">
  <ds:schemaRefs>
    <ds:schemaRef ds:uri="0dcf35b4-c20c-40b1-8b65-3d85a5d61287"/>
    <ds:schemaRef ds:uri="e9f474ec-f3cb-459f-b460-0fd04f4391b4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3.xml><?xml version="1.0" encoding="utf-8"?>
<ds:datastoreItem xmlns:ds="http://schemas.openxmlformats.org/officeDocument/2006/customXml" ds:itemID="{8C5D368F-E081-483F-9BBC-169E32B40C1B}">
  <ds:schemaRefs/>
</ds:datastoreItem>
</file>

<file path=customXml/itemProps30.xml><?xml version="1.0" encoding="utf-8"?>
<ds:datastoreItem xmlns:ds="http://schemas.openxmlformats.org/officeDocument/2006/customXml" ds:itemID="{DF7E040F-C4F9-4C22-9D47-2AB4C114967B}">
  <ds:schemaRefs/>
</ds:datastoreItem>
</file>

<file path=customXml/itemProps31.xml><?xml version="1.0" encoding="utf-8"?>
<ds:datastoreItem xmlns:ds="http://schemas.openxmlformats.org/officeDocument/2006/customXml" ds:itemID="{B758BE61-19F4-4ED2-A59C-E41983C7B0A3}">
  <ds:schemaRefs>
    <ds:schemaRef ds:uri="http://schemas.microsoft.com/sharepoint/v3/contenttype/forms"/>
  </ds:schemaRefs>
</ds:datastoreItem>
</file>

<file path=customXml/itemProps32.xml><?xml version="1.0" encoding="utf-8"?>
<ds:datastoreItem xmlns:ds="http://schemas.openxmlformats.org/officeDocument/2006/customXml" ds:itemID="{CEE28BF9-7395-4113-8D69-F10055DDEC4F}">
  <ds:schemaRefs/>
</ds:datastoreItem>
</file>

<file path=customXml/itemProps33.xml><?xml version="1.0" encoding="utf-8"?>
<ds:datastoreItem xmlns:ds="http://schemas.openxmlformats.org/officeDocument/2006/customXml" ds:itemID="{CDEBCF8E-68E0-4A62-92C2-BFF418EC4E97}">
  <ds:schemaRefs/>
</ds:datastoreItem>
</file>

<file path=customXml/itemProps34.xml><?xml version="1.0" encoding="utf-8"?>
<ds:datastoreItem xmlns:ds="http://schemas.openxmlformats.org/officeDocument/2006/customXml" ds:itemID="{F957E976-8AE6-4658-9487-7E4904B5DA7B}">
  <ds:schemaRefs/>
</ds:datastoreItem>
</file>

<file path=customXml/itemProps35.xml><?xml version="1.0" encoding="utf-8"?>
<ds:datastoreItem xmlns:ds="http://schemas.openxmlformats.org/officeDocument/2006/customXml" ds:itemID="{44FACA78-17B7-42AB-AA93-055AF08DDBDF}">
  <ds:schemaRefs/>
</ds:datastoreItem>
</file>

<file path=customXml/itemProps36.xml><?xml version="1.0" encoding="utf-8"?>
<ds:datastoreItem xmlns:ds="http://schemas.openxmlformats.org/officeDocument/2006/customXml" ds:itemID="{1C3872DF-F798-45ED-ABB5-C11EAA6A83CA}">
  <ds:schemaRefs/>
</ds:datastoreItem>
</file>

<file path=customXml/itemProps37.xml><?xml version="1.0" encoding="utf-8"?>
<ds:datastoreItem xmlns:ds="http://schemas.openxmlformats.org/officeDocument/2006/customXml" ds:itemID="{080403A7-8E9D-476B-A585-3DDE78AE1FEF}">
  <ds:schemaRefs/>
</ds:datastoreItem>
</file>

<file path=customXml/itemProps38.xml><?xml version="1.0" encoding="utf-8"?>
<ds:datastoreItem xmlns:ds="http://schemas.openxmlformats.org/officeDocument/2006/customXml" ds:itemID="{C53AD533-7FA9-42E0-999E-51A553A0CEAE}">
  <ds:schemaRefs/>
</ds:datastoreItem>
</file>

<file path=customXml/itemProps39.xml><?xml version="1.0" encoding="utf-8"?>
<ds:datastoreItem xmlns:ds="http://schemas.openxmlformats.org/officeDocument/2006/customXml" ds:itemID="{F9306EDD-6559-4776-AA76-A1A1A509EDDC}">
  <ds:schemaRefs/>
</ds:datastoreItem>
</file>

<file path=customXml/itemProps4.xml><?xml version="1.0" encoding="utf-8"?>
<ds:datastoreItem xmlns:ds="http://schemas.openxmlformats.org/officeDocument/2006/customXml" ds:itemID="{07A91AD3-EC0D-4B72-8213-4ED497C83C17}">
  <ds:schemaRefs/>
</ds:datastoreItem>
</file>

<file path=customXml/itemProps40.xml><?xml version="1.0" encoding="utf-8"?>
<ds:datastoreItem xmlns:ds="http://schemas.openxmlformats.org/officeDocument/2006/customXml" ds:itemID="{DC46CB06-994A-4CF0-BF6F-35D7CC951780}">
  <ds:schemaRefs/>
</ds:datastoreItem>
</file>

<file path=customXml/itemProps41.xml><?xml version="1.0" encoding="utf-8"?>
<ds:datastoreItem xmlns:ds="http://schemas.openxmlformats.org/officeDocument/2006/customXml" ds:itemID="{AABCC15B-9CB5-4061-A6C8-2373D32C81D6}">
  <ds:schemaRefs/>
</ds:datastoreItem>
</file>

<file path=customXml/itemProps42.xml><?xml version="1.0" encoding="utf-8"?>
<ds:datastoreItem xmlns:ds="http://schemas.openxmlformats.org/officeDocument/2006/customXml" ds:itemID="{E4E8943B-6079-4003-89DC-E6C4E46F1423}">
  <ds:schemaRefs/>
</ds:datastoreItem>
</file>

<file path=customXml/itemProps43.xml><?xml version="1.0" encoding="utf-8"?>
<ds:datastoreItem xmlns:ds="http://schemas.openxmlformats.org/officeDocument/2006/customXml" ds:itemID="{DB3F1917-971C-4839-B6C2-99D1069BC258}">
  <ds:schemaRefs/>
</ds:datastoreItem>
</file>

<file path=customXml/itemProps44.xml><?xml version="1.0" encoding="utf-8"?>
<ds:datastoreItem xmlns:ds="http://schemas.openxmlformats.org/officeDocument/2006/customXml" ds:itemID="{8DC2D6FD-215D-452A-B970-745EA92F620D}">
  <ds:schemaRefs/>
</ds:datastoreItem>
</file>

<file path=customXml/itemProps45.xml><?xml version="1.0" encoding="utf-8"?>
<ds:datastoreItem xmlns:ds="http://schemas.openxmlformats.org/officeDocument/2006/customXml" ds:itemID="{5ACAE604-169A-4B97-9361-4489D8EAB5F1}">
  <ds:schemaRefs/>
</ds:datastoreItem>
</file>

<file path=customXml/itemProps46.xml><?xml version="1.0" encoding="utf-8"?>
<ds:datastoreItem xmlns:ds="http://schemas.openxmlformats.org/officeDocument/2006/customXml" ds:itemID="{84333B0F-63F1-4345-B689-3B3A6CC0D979}">
  <ds:schemaRefs/>
</ds:datastoreItem>
</file>

<file path=customXml/itemProps47.xml><?xml version="1.0" encoding="utf-8"?>
<ds:datastoreItem xmlns:ds="http://schemas.openxmlformats.org/officeDocument/2006/customXml" ds:itemID="{B534F5F9-36FE-40EC-BE37-FCB4D835BAEF}">
  <ds:schemaRefs/>
</ds:datastoreItem>
</file>

<file path=customXml/itemProps5.xml><?xml version="1.0" encoding="utf-8"?>
<ds:datastoreItem xmlns:ds="http://schemas.openxmlformats.org/officeDocument/2006/customXml" ds:itemID="{AC924673-9C12-4856-BC30-9D31C134EB16}">
  <ds:schemaRefs/>
</ds:datastoreItem>
</file>

<file path=customXml/itemProps6.xml><?xml version="1.0" encoding="utf-8"?>
<ds:datastoreItem xmlns:ds="http://schemas.openxmlformats.org/officeDocument/2006/customXml" ds:itemID="{ED473325-59E0-46B0-A3EF-6FC851E2C620}">
  <ds:schemaRefs/>
</ds:datastoreItem>
</file>

<file path=customXml/itemProps7.xml><?xml version="1.0" encoding="utf-8"?>
<ds:datastoreItem xmlns:ds="http://schemas.openxmlformats.org/officeDocument/2006/customXml" ds:itemID="{DD8A278C-CC13-4BC8-9101-733A3ECBA225}">
  <ds:schemaRefs>
    <ds:schemaRef ds:uri="http://purl.org/dc/dcmitype/"/>
    <ds:schemaRef ds:uri="0dcf35b4-c20c-40b1-8b65-3d85a5d61287"/>
    <ds:schemaRef ds:uri="http://purl.org/dc/elements/1.1/"/>
    <ds:schemaRef ds:uri="http://schemas.microsoft.com/office/2006/metadata/properties"/>
    <ds:schemaRef ds:uri="http://schemas.microsoft.com/office/2006/documentManagement/types"/>
    <ds:schemaRef ds:uri="http://purl.org/dc/terms/"/>
    <ds:schemaRef ds:uri="http://schemas.openxmlformats.org/package/2006/metadata/core-properties"/>
    <ds:schemaRef ds:uri="http://schemas.microsoft.com/office/infopath/2007/PartnerControls"/>
    <ds:schemaRef ds:uri="e9f474ec-f3cb-459f-b460-0fd04f4391b4"/>
    <ds:schemaRef ds:uri="http://www.w3.org/XML/1998/namespace"/>
  </ds:schemaRefs>
</ds:datastoreItem>
</file>

<file path=customXml/itemProps8.xml><?xml version="1.0" encoding="utf-8"?>
<ds:datastoreItem xmlns:ds="http://schemas.openxmlformats.org/officeDocument/2006/customXml" ds:itemID="{00526584-CBBF-4A62-9DFE-A5EC3B71EE50}">
  <ds:schemaRefs/>
</ds:datastoreItem>
</file>

<file path=customXml/itemProps9.xml><?xml version="1.0" encoding="utf-8"?>
<ds:datastoreItem xmlns:ds="http://schemas.openxmlformats.org/officeDocument/2006/customXml" ds:itemID="{B8A100D6-2FAE-4D87-B743-C85D3C94E5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604</Words>
  <Application>Microsoft Office PowerPoint</Application>
  <PresentationFormat>Widescreen</PresentationFormat>
  <Paragraphs>112</Paragraphs>
  <Slides>12</Slides>
  <Notes>1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2</vt:i4>
      </vt:variant>
    </vt:vector>
  </HeadingPairs>
  <TitlesOfParts>
    <vt:vector size="16" baseType="lpstr">
      <vt:lpstr>Arial</vt:lpstr>
      <vt:lpstr>Calibri</vt:lpstr>
      <vt:lpstr>Verdana</vt:lpstr>
      <vt:lpstr>Blank</vt:lpstr>
      <vt:lpstr>PowerPoint-præsentation</vt:lpstr>
      <vt:lpstr>Dagsorden</vt:lpstr>
      <vt:lpstr>Pitch</vt:lpstr>
      <vt:lpstr>Pitch på 1 min</vt:lpstr>
      <vt:lpstr>Proces ved storyboard</vt:lpstr>
      <vt:lpstr>Vi skal nå 4 gode sparringsrunder I alt… </vt:lpstr>
      <vt:lpstr>Skal vi høre et pitch?</vt:lpstr>
      <vt:lpstr>PowerPoint-præsentation</vt:lpstr>
      <vt:lpstr>PowerPoint-præsentation</vt:lpstr>
      <vt:lpstr>Temperatur...</vt:lpstr>
      <vt:lpstr>Generel Sparring</vt:lpstr>
      <vt:lpstr>PowerPoint-præsentation</vt:lpstr>
    </vt:vector>
  </TitlesOfParts>
  <Company>RegionNordjylland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RegionNordjylland</dc:creator>
  <cp:lastModifiedBy>Edith Todorovic</cp:lastModifiedBy>
  <cp:revision>2</cp:revision>
  <cp:lastPrinted>2023-05-10T10:49:16Z</cp:lastPrinted>
  <dcterms:created xsi:type="dcterms:W3CDTF">2015-11-30T12:14:28Z</dcterms:created>
  <dcterms:modified xsi:type="dcterms:W3CDTF">2023-05-11T08:55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.dk</vt:lpwstr>
  </property>
  <property fmtid="{D5CDD505-2E9C-101B-9397-08002B2CF9AE}" pid="3" name="ArtworkDefinitionTemplate">
    <vt:lpwstr>Presentation</vt:lpwstr>
  </property>
  <property fmtid="{D5CDD505-2E9C-101B-9397-08002B2CF9AE}" pid="4" name="HelpDocument">
    <vt:lpwstr>Region Nordjylland.html</vt:lpwstr>
  </property>
  <property fmtid="{D5CDD505-2E9C-101B-9397-08002B2CF9AE}" pid="5" name="RunSetTextContentFromTag">
    <vt:lpwstr>True</vt:lpwstr>
  </property>
  <property fmtid="{D5CDD505-2E9C-101B-9397-08002B2CF9AE}" pid="6" name="DocumentInfoFinished">
    <vt:lpwstr>True</vt:lpwstr>
  </property>
  <property fmtid="{D5CDD505-2E9C-101B-9397-08002B2CF9AE}" pid="7" name="TemplafyTimeStamp">
    <vt:lpwstr>2023-02-03T09:03:50.2358953Z</vt:lpwstr>
  </property>
  <property fmtid="{D5CDD505-2E9C-101B-9397-08002B2CF9AE}" pid="8" name="RegNjPPT">
    <vt:lpwstr>true</vt:lpwstr>
  </property>
  <property fmtid="{D5CDD505-2E9C-101B-9397-08002B2CF9AE}" pid="9" name="ShowPicture">
    <vt:lpwstr>true</vt:lpwstr>
  </property>
  <property fmtid="{D5CDD505-2E9C-101B-9397-08002B2CF9AE}" pid="10" name="TemplafyTenantId">
    <vt:lpwstr>regionnordjylland</vt:lpwstr>
  </property>
  <property fmtid="{D5CDD505-2E9C-101B-9397-08002B2CF9AE}" pid="11" name="TemplafyTemplateId">
    <vt:lpwstr>638109273333325374</vt:lpwstr>
  </property>
  <property fmtid="{D5CDD505-2E9C-101B-9397-08002B2CF9AE}" pid="12" name="TemplafyUserProfileId">
    <vt:lpwstr>638085076402979853</vt:lpwstr>
  </property>
  <property fmtid="{D5CDD505-2E9C-101B-9397-08002B2CF9AE}" pid="13" name="TemplafyLanguageCode">
    <vt:lpwstr>da-DK</vt:lpwstr>
  </property>
  <property fmtid="{D5CDD505-2E9C-101B-9397-08002B2CF9AE}" pid="14" name="color">
    <vt:lpwstr>InstitutlinjeRed.emf</vt:lpwstr>
  </property>
  <property fmtid="{D5CDD505-2E9C-101B-9397-08002B2CF9AE}" pid="15" name="logoname">
    <vt:lpwstr>RegionNordjylland_DK_White.emf</vt:lpwstr>
  </property>
  <property fmtid="{D5CDD505-2E9C-101B-9397-08002B2CF9AE}" pid="16" name="Colorcheck">
    <vt:lpwstr>true</vt:lpwstr>
  </property>
  <property fmtid="{D5CDD505-2E9C-101B-9397-08002B2CF9AE}" pid="17" name="ContentTypeId">
    <vt:lpwstr>0x010100FE25F8D3CF99D6458D54A789056FBA17</vt:lpwstr>
  </property>
</Properties>
</file>